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小学校（相模原市）" sheetId="1" r:id="rId1"/>
  </sheets>
  <definedNames>
    <definedName name="_xlnm.Print_Area" localSheetId="0">'小学校（相模原市）'!$A$1:$I$73</definedName>
  </definedNames>
  <calcPr calcId="125725"/>
</workbook>
</file>

<file path=xl/sharedStrings.xml><?xml version="1.0" encoding="utf-8"?>
<sst xmlns="http://schemas.openxmlformats.org/spreadsheetml/2006/main" count="431" uniqueCount="422"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（本校21校）</t>
    <rPh sb="1" eb="3">
      <t>ホンコウ</t>
    </rPh>
    <rPh sb="5" eb="6">
      <t>コウ</t>
    </rPh>
    <phoneticPr fontId="1"/>
  </si>
  <si>
    <t>緑区</t>
    <rPh sb="0" eb="2">
      <t>ミドリク</t>
    </rPh>
    <phoneticPr fontId="1"/>
  </si>
  <si>
    <t>おおしま</t>
    <phoneticPr fontId="1"/>
  </si>
  <si>
    <t>おおさわ</t>
    <phoneticPr fontId="1"/>
  </si>
  <si>
    <t>あいはら</t>
    <phoneticPr fontId="1"/>
  </si>
  <si>
    <t>はしもと</t>
    <phoneticPr fontId="1"/>
  </si>
  <si>
    <t>さくのくち</t>
    <phoneticPr fontId="1"/>
  </si>
  <si>
    <t>にほんまつ</t>
    <phoneticPr fontId="1"/>
  </si>
  <si>
    <t>みやかみ</t>
    <phoneticPr fontId="1"/>
  </si>
  <si>
    <t>くざわ</t>
    <phoneticPr fontId="1"/>
  </si>
  <si>
    <t>たいまだ</t>
    <phoneticPr fontId="1"/>
  </si>
  <si>
    <t>かわしり</t>
    <phoneticPr fontId="1"/>
  </si>
  <si>
    <t>しょうなん</t>
    <phoneticPr fontId="1"/>
  </si>
  <si>
    <t>こうりょう</t>
    <phoneticPr fontId="1"/>
  </si>
  <si>
    <t>ひろた</t>
    <phoneticPr fontId="1"/>
  </si>
  <si>
    <t>なかの</t>
    <phoneticPr fontId="1"/>
  </si>
  <si>
    <t>ねごや</t>
    <phoneticPr fontId="1"/>
  </si>
  <si>
    <t>くしかわ</t>
    <phoneticPr fontId="1"/>
  </si>
  <si>
    <t>つくいちゅうおう</t>
    <phoneticPr fontId="2"/>
  </si>
  <si>
    <t>けいほく</t>
    <phoneticPr fontId="1"/>
  </si>
  <si>
    <t>ふじのきた</t>
    <phoneticPr fontId="2"/>
  </si>
  <si>
    <t>ふじの</t>
    <phoneticPr fontId="2"/>
  </si>
  <si>
    <t>かみみぞ</t>
    <phoneticPr fontId="1"/>
  </si>
  <si>
    <t>ほしがおか</t>
    <phoneticPr fontId="1"/>
  </si>
  <si>
    <t>こうよう</t>
    <phoneticPr fontId="1"/>
  </si>
  <si>
    <t>ふちのべ</t>
    <phoneticPr fontId="1"/>
  </si>
  <si>
    <t>せいしん</t>
    <phoneticPr fontId="1"/>
  </si>
  <si>
    <t>ひかりがおか</t>
    <phoneticPr fontId="1"/>
  </si>
  <si>
    <t>きょうわ</t>
    <phoneticPr fontId="1"/>
  </si>
  <si>
    <t>よこやま</t>
    <phoneticPr fontId="1"/>
  </si>
  <si>
    <t>なみき</t>
    <phoneticPr fontId="1"/>
  </si>
  <si>
    <t>おおのきた</t>
    <phoneticPr fontId="1"/>
  </si>
  <si>
    <t>ようこうだい</t>
    <phoneticPr fontId="1"/>
  </si>
  <si>
    <t>かみみぞみなみ</t>
    <phoneticPr fontId="2"/>
  </si>
  <si>
    <t>たなきた</t>
    <phoneticPr fontId="1"/>
  </si>
  <si>
    <t>やえい</t>
    <phoneticPr fontId="1"/>
  </si>
  <si>
    <t>あおば</t>
    <phoneticPr fontId="1"/>
  </si>
  <si>
    <t>ふちのべひがし</t>
    <phoneticPr fontId="1"/>
  </si>
  <si>
    <t>しんじゅく</t>
    <phoneticPr fontId="1"/>
  </si>
  <si>
    <t>ふじみ</t>
    <phoneticPr fontId="1"/>
  </si>
  <si>
    <t>おやま</t>
    <phoneticPr fontId="2"/>
  </si>
  <si>
    <t>あらいそ</t>
    <phoneticPr fontId="1"/>
  </si>
  <si>
    <t>あさみぞ</t>
    <phoneticPr fontId="1"/>
  </si>
  <si>
    <t>おおの</t>
    <phoneticPr fontId="1"/>
  </si>
  <si>
    <t>みなみおおの</t>
    <phoneticPr fontId="2"/>
  </si>
  <si>
    <t>やぐちだい</t>
    <phoneticPr fontId="1"/>
  </si>
  <si>
    <t>さがみだい</t>
    <phoneticPr fontId="1"/>
  </si>
  <si>
    <t>とうりん</t>
    <phoneticPr fontId="1"/>
  </si>
  <si>
    <t>そうぶだい</t>
    <phoneticPr fontId="1"/>
  </si>
  <si>
    <t>おおぬま</t>
    <phoneticPr fontId="1"/>
  </si>
  <si>
    <t>さくらだい</t>
    <phoneticPr fontId="1"/>
  </si>
  <si>
    <t>かみつるま</t>
    <phoneticPr fontId="1"/>
  </si>
  <si>
    <t>つるのだい</t>
    <phoneticPr fontId="1"/>
  </si>
  <si>
    <t>かしまだい</t>
    <phoneticPr fontId="1"/>
  </si>
  <si>
    <t>みどりだい</t>
    <phoneticPr fontId="1"/>
  </si>
  <si>
    <t>おおのだい</t>
    <phoneticPr fontId="1"/>
  </si>
  <si>
    <t>つるぞの</t>
    <phoneticPr fontId="1"/>
  </si>
  <si>
    <t>くぬぎだい</t>
    <phoneticPr fontId="1"/>
  </si>
  <si>
    <t>ふたば</t>
    <phoneticPr fontId="1"/>
  </si>
  <si>
    <t>わかくさ</t>
    <phoneticPr fontId="1"/>
  </si>
  <si>
    <t>おおのだいちゅうおう</t>
    <phoneticPr fontId="1"/>
  </si>
  <si>
    <t>わかまつ</t>
    <phoneticPr fontId="1"/>
  </si>
  <si>
    <t>もえぎだい</t>
    <phoneticPr fontId="1"/>
  </si>
  <si>
    <t>ゆめのおか</t>
    <phoneticPr fontId="1"/>
  </si>
  <si>
    <t>相模原市</t>
    <rPh sb="0" eb="4">
      <t>サガミハラシ</t>
    </rPh>
    <phoneticPr fontId="1"/>
  </si>
  <si>
    <t>相模原市立大沢小学校</t>
  </si>
  <si>
    <t>相模原市緑区大島1566</t>
    <rPh sb="4" eb="6">
      <t>ミドリク</t>
    </rPh>
    <phoneticPr fontId="1"/>
  </si>
  <si>
    <t>相模原市立旭小学校</t>
  </si>
  <si>
    <t>相模原市緑区橋本6-15-27</t>
    <rPh sb="4" eb="6">
      <t>ミドリク</t>
    </rPh>
    <phoneticPr fontId="1"/>
  </si>
  <si>
    <t>相模原市立相原小学校</t>
  </si>
  <si>
    <t>相模原市緑区相原4-13-14</t>
    <rPh sb="4" eb="6">
      <t>ミドリク</t>
    </rPh>
    <phoneticPr fontId="1"/>
  </si>
  <si>
    <t>相模原市立橋本小学校</t>
  </si>
  <si>
    <t>相模原市緑区橋本1-12-20</t>
    <rPh sb="4" eb="6">
      <t>ミドリク</t>
    </rPh>
    <phoneticPr fontId="1"/>
  </si>
  <si>
    <t>相模原市立作の口小学校</t>
  </si>
  <si>
    <t>相模原市緑区下九沢459-1</t>
    <rPh sb="4" eb="6">
      <t>ミドリク</t>
    </rPh>
    <phoneticPr fontId="1"/>
  </si>
  <si>
    <t>相模原市立大島小学校</t>
  </si>
  <si>
    <t>相模原市緑区大島1121-19</t>
    <rPh sb="4" eb="6">
      <t>ミドリク</t>
    </rPh>
    <phoneticPr fontId="1"/>
  </si>
  <si>
    <t>相模原市立二本松小学校</t>
  </si>
  <si>
    <t>相模原市緑区二本松2-9-1</t>
    <rPh sb="4" eb="6">
      <t>ミドリク</t>
    </rPh>
    <phoneticPr fontId="1"/>
  </si>
  <si>
    <t>相模原市立宮上小学校</t>
  </si>
  <si>
    <t>相模原市緑区橋本4-11-1</t>
    <rPh sb="4" eb="6">
      <t>ミドリク</t>
    </rPh>
    <phoneticPr fontId="1"/>
  </si>
  <si>
    <t>相模原市立九沢小学校</t>
  </si>
  <si>
    <t>相模原市緑区大島1859-3</t>
    <rPh sb="4" eb="6">
      <t>ミドリク</t>
    </rPh>
    <phoneticPr fontId="1"/>
  </si>
  <si>
    <t>相模原市立当麻田小学校</t>
  </si>
  <si>
    <t>相模原市緑区相原1-14-1</t>
    <rPh sb="4" eb="6">
      <t>ミドリク</t>
    </rPh>
    <phoneticPr fontId="1"/>
  </si>
  <si>
    <t>相模原市立川尻小学校</t>
  </si>
  <si>
    <t>252-0105</t>
  </si>
  <si>
    <t>相模原市緑区久保沢2-22-2</t>
    <rPh sb="4" eb="6">
      <t>ミドリク</t>
    </rPh>
    <phoneticPr fontId="1"/>
  </si>
  <si>
    <t>相模原市立湘南小学校</t>
  </si>
  <si>
    <t>252-0115</t>
  </si>
  <si>
    <t>相模原市緑区小倉1573</t>
    <rPh sb="4" eb="6">
      <t>ミドリク</t>
    </rPh>
    <phoneticPr fontId="1"/>
  </si>
  <si>
    <t>相模原市立広陵小学校</t>
  </si>
  <si>
    <t>252-0112</t>
  </si>
  <si>
    <t>相模原市緑区若葉台4-3-1</t>
    <rPh sb="4" eb="6">
      <t>ミドリク</t>
    </rPh>
    <phoneticPr fontId="1"/>
  </si>
  <si>
    <t>相模原市立広田小学校</t>
  </si>
  <si>
    <t>252-0106</t>
  </si>
  <si>
    <t>相模原市緑区広田9-5</t>
    <rPh sb="4" eb="6">
      <t>ミドリク</t>
    </rPh>
    <phoneticPr fontId="1"/>
  </si>
  <si>
    <t>相模原市立中野小学校</t>
  </si>
  <si>
    <t>相模原市緑区中野600</t>
    <rPh sb="4" eb="6">
      <t>ミドリク</t>
    </rPh>
    <phoneticPr fontId="1"/>
  </si>
  <si>
    <t>相模原市立根小屋小学校</t>
  </si>
  <si>
    <t>相模原市緑区根小屋1580</t>
    <rPh sb="4" eb="6">
      <t>ミドリク</t>
    </rPh>
    <phoneticPr fontId="1"/>
  </si>
  <si>
    <t>相模原市立串川小学校</t>
  </si>
  <si>
    <t>相模原市緑区長竹1424</t>
    <rPh sb="4" eb="6">
      <t>ミドリク</t>
    </rPh>
    <phoneticPr fontId="1"/>
  </si>
  <si>
    <t>相模原市立津久井中央小学校</t>
  </si>
  <si>
    <t>相模原市立桂北小学校</t>
  </si>
  <si>
    <t>相模原市緑区与瀬877</t>
    <rPh sb="4" eb="6">
      <t>ミドリク</t>
    </rPh>
    <phoneticPr fontId="1"/>
  </si>
  <si>
    <t>相模原市立千木良小学校</t>
  </si>
  <si>
    <t>ちぎら</t>
    <phoneticPr fontId="1"/>
  </si>
  <si>
    <t>相模原市緑区千木良1035</t>
    <rPh sb="4" eb="6">
      <t>ミドリク</t>
    </rPh>
    <phoneticPr fontId="1"/>
  </si>
  <si>
    <t>相模原市立内郷小学校</t>
  </si>
  <si>
    <t>うちごう</t>
    <phoneticPr fontId="1"/>
  </si>
  <si>
    <t>相模原市緑区寸沢嵐833</t>
    <rPh sb="4" eb="6">
      <t>ミドリク</t>
    </rPh>
    <phoneticPr fontId="1"/>
  </si>
  <si>
    <t>相模原市立藤野北小学校</t>
  </si>
  <si>
    <t>相模原市緑区佐野川1901</t>
    <rPh sb="4" eb="6">
      <t>ミドリク</t>
    </rPh>
    <phoneticPr fontId="1"/>
  </si>
  <si>
    <t>相模原市立藤野小学校</t>
  </si>
  <si>
    <t>相模原市緑区日連549</t>
    <rPh sb="4" eb="6">
      <t>ミドリク</t>
    </rPh>
    <phoneticPr fontId="1"/>
  </si>
  <si>
    <t>相模原市立藤野南小学校</t>
  </si>
  <si>
    <t>ふじのみなみ</t>
    <phoneticPr fontId="2"/>
  </si>
  <si>
    <t>相模原市緑区牧野4327</t>
    <rPh sb="4" eb="6">
      <t>ミドリク</t>
    </rPh>
    <phoneticPr fontId="1"/>
  </si>
  <si>
    <t>中央区</t>
    <rPh sb="0" eb="3">
      <t>チュウオウク</t>
    </rPh>
    <phoneticPr fontId="1"/>
  </si>
  <si>
    <t>相模原市立田名小学校</t>
  </si>
  <si>
    <t>相模原市中央区田名5091-1</t>
    <rPh sb="4" eb="7">
      <t>チュウオウク</t>
    </rPh>
    <phoneticPr fontId="1"/>
  </si>
  <si>
    <t>相模原市立上溝小学校</t>
  </si>
  <si>
    <t>相模原市中央区上溝7-6-1</t>
    <rPh sb="4" eb="7">
      <t>チュウオウク</t>
    </rPh>
    <phoneticPr fontId="1"/>
  </si>
  <si>
    <t>相模原市立星が丘小学校</t>
  </si>
  <si>
    <t>相模原市中央区星が丘3-1-6</t>
    <rPh sb="4" eb="7">
      <t>チュウオウク</t>
    </rPh>
    <phoneticPr fontId="1"/>
  </si>
  <si>
    <t>相模原市立向陽小学校</t>
  </si>
  <si>
    <t>相模原市中央区向陽町8-33</t>
    <rPh sb="4" eb="7">
      <t>チュウオウク</t>
    </rPh>
    <phoneticPr fontId="1"/>
  </si>
  <si>
    <t>相模原市立淵野辺小学校</t>
  </si>
  <si>
    <t>相模原市中央区淵野辺4-6-22</t>
    <rPh sb="4" eb="7">
      <t>チュウオウク</t>
    </rPh>
    <phoneticPr fontId="1"/>
  </si>
  <si>
    <t>相模原市立中央小学校</t>
  </si>
  <si>
    <t>ちゅうおう</t>
    <phoneticPr fontId="1"/>
  </si>
  <si>
    <t>相模原市中央区富士見1-3-22</t>
    <rPh sb="4" eb="7">
      <t>チュウオウク</t>
    </rPh>
    <phoneticPr fontId="1"/>
  </si>
  <si>
    <t>相模原市立清新小学校</t>
  </si>
  <si>
    <t>相模原市中央区清新3-16-6</t>
    <rPh sb="4" eb="7">
      <t>チュウオウク</t>
    </rPh>
    <rPh sb="7" eb="9">
      <t>セイシン</t>
    </rPh>
    <phoneticPr fontId="1"/>
  </si>
  <si>
    <t>相模原市立光が丘小学校</t>
  </si>
  <si>
    <t>相模原市中央区光が丘2-19-1</t>
    <rPh sb="4" eb="7">
      <t>チュウオウク</t>
    </rPh>
    <phoneticPr fontId="1"/>
  </si>
  <si>
    <t>相模原市立共和小学校</t>
  </si>
  <si>
    <t>相模原市中央区高根1-16-13</t>
    <rPh sb="4" eb="7">
      <t>チュウオウク</t>
    </rPh>
    <phoneticPr fontId="1"/>
  </si>
  <si>
    <t>相模原市立横山小学校</t>
  </si>
  <si>
    <t>相模原市中央区横山台2-35-1</t>
    <rPh sb="4" eb="7">
      <t>チュウオウク</t>
    </rPh>
    <phoneticPr fontId="1"/>
  </si>
  <si>
    <t>相模原市立並木小学校</t>
  </si>
  <si>
    <t>相模原市中央区並木2-16-1</t>
    <rPh sb="4" eb="7">
      <t>チュウオウク</t>
    </rPh>
    <phoneticPr fontId="1"/>
  </si>
  <si>
    <t>相模原市立大野北小学校</t>
  </si>
  <si>
    <t>相模原市中央区淵野辺2-34-1</t>
    <rPh sb="4" eb="7">
      <t>チュウオウク</t>
    </rPh>
    <phoneticPr fontId="1"/>
  </si>
  <si>
    <t>相模原市立陽光台小学校</t>
  </si>
  <si>
    <t>相模原市中央区陽光台1-15-1</t>
    <rPh sb="4" eb="7">
      <t>チュウオウク</t>
    </rPh>
    <phoneticPr fontId="1"/>
  </si>
  <si>
    <t>相模原市立上溝南小学校</t>
  </si>
  <si>
    <t>相模原市中央区上溝782-1</t>
    <rPh sb="4" eb="7">
      <t>チュウオウク</t>
    </rPh>
    <phoneticPr fontId="1"/>
  </si>
  <si>
    <t>相模原市立田名北小学校</t>
  </si>
  <si>
    <t>相模原市中央区田名1932-1</t>
    <rPh sb="4" eb="7">
      <t>チュウオウク</t>
    </rPh>
    <phoneticPr fontId="1"/>
  </si>
  <si>
    <t>相模原市立弥栄小学校</t>
  </si>
  <si>
    <t>相模原市中央区弥栄3-1-10</t>
    <rPh sb="4" eb="7">
      <t>チュウオウク</t>
    </rPh>
    <phoneticPr fontId="1"/>
  </si>
  <si>
    <t>相模原市立青葉小学校</t>
  </si>
  <si>
    <t>相模原市中央区並木4-8-4</t>
    <rPh sb="4" eb="7">
      <t>チュウオウク</t>
    </rPh>
    <phoneticPr fontId="1"/>
  </si>
  <si>
    <t>相模原市立淵野辺東小学校</t>
  </si>
  <si>
    <t>相模原市立新宿小学校</t>
  </si>
  <si>
    <t>相模原市中央区田名7019</t>
    <rPh sb="4" eb="7">
      <t>チュウオウク</t>
    </rPh>
    <phoneticPr fontId="1"/>
  </si>
  <si>
    <t>相模原市立富士見小学校</t>
  </si>
  <si>
    <t>相模原市中央区富士見2-4-1</t>
    <rPh sb="4" eb="7">
      <t>チュウオウク</t>
    </rPh>
    <phoneticPr fontId="1"/>
  </si>
  <si>
    <t>相模原市立小山小学校</t>
  </si>
  <si>
    <t>相模原市中央区小山4-3-2</t>
    <rPh sb="4" eb="7">
      <t>チュウオウク</t>
    </rPh>
    <phoneticPr fontId="1"/>
  </si>
  <si>
    <t>南区</t>
    <rPh sb="0" eb="2">
      <t>ミナミク</t>
    </rPh>
    <phoneticPr fontId="1"/>
  </si>
  <si>
    <t>相模原市立新磯小学校</t>
  </si>
  <si>
    <t>相模原市南区磯部1028-5</t>
    <rPh sb="4" eb="6">
      <t>ミナミク</t>
    </rPh>
    <phoneticPr fontId="1"/>
  </si>
  <si>
    <t>（本校24校）</t>
    <rPh sb="1" eb="3">
      <t>ホンコウ</t>
    </rPh>
    <rPh sb="5" eb="6">
      <t>コウ</t>
    </rPh>
    <phoneticPr fontId="1"/>
  </si>
  <si>
    <t>相模原市立麻溝小学校</t>
  </si>
  <si>
    <t>相模原市南区下溝713</t>
    <rPh sb="4" eb="6">
      <t>ミナミク</t>
    </rPh>
    <phoneticPr fontId="1"/>
  </si>
  <si>
    <t>相模原市立大野小学校</t>
  </si>
  <si>
    <t>相模原市南区古淵3-21-2</t>
    <rPh sb="4" eb="6">
      <t>ミナミク</t>
    </rPh>
    <phoneticPr fontId="1"/>
  </si>
  <si>
    <t>相模原市立南大野小学校</t>
  </si>
  <si>
    <t>相模原市南区上鶴間1-5-1</t>
    <rPh sb="4" eb="6">
      <t>ミナミク</t>
    </rPh>
    <phoneticPr fontId="1"/>
  </si>
  <si>
    <t>相模原市立谷口台小学校</t>
  </si>
  <si>
    <t>相模原市南区文京2-12-1</t>
    <rPh sb="4" eb="6">
      <t>ミナミク</t>
    </rPh>
    <phoneticPr fontId="1"/>
  </si>
  <si>
    <t>相模原市立相模台小学校</t>
  </si>
  <si>
    <t>相模原市南区南台6-5-1</t>
    <rPh sb="4" eb="6">
      <t>ミナミク</t>
    </rPh>
    <phoneticPr fontId="1"/>
  </si>
  <si>
    <t>相模原市立東林小学校</t>
  </si>
  <si>
    <t>相模原市南区相南2-3-1</t>
    <rPh sb="4" eb="6">
      <t>ミナミク</t>
    </rPh>
    <phoneticPr fontId="1"/>
  </si>
  <si>
    <t>相模原市立相武台小学校</t>
  </si>
  <si>
    <t>相模原市南区相武台団地2-5-1</t>
    <rPh sb="4" eb="6">
      <t>ミナミク</t>
    </rPh>
    <phoneticPr fontId="1"/>
  </si>
  <si>
    <t>相模原市立大沼小学校</t>
  </si>
  <si>
    <t>相模原市南区東大沼3-20-1</t>
    <rPh sb="4" eb="6">
      <t>ミナミク</t>
    </rPh>
    <phoneticPr fontId="1"/>
  </si>
  <si>
    <t>相模原市立桜台小学校</t>
  </si>
  <si>
    <t>相模原市南区相模台7-7-1</t>
    <rPh sb="4" eb="6">
      <t>ミナミク</t>
    </rPh>
    <phoneticPr fontId="1"/>
  </si>
  <si>
    <t>相模原市立上鶴間小学校</t>
  </si>
  <si>
    <t>相模原市南区上鶴間4-7-1</t>
    <rPh sb="4" eb="6">
      <t>ミナミク</t>
    </rPh>
    <phoneticPr fontId="1"/>
  </si>
  <si>
    <t>相模原市立鶴の台小学校</t>
  </si>
  <si>
    <t>相模原市南区旭町24-5</t>
    <rPh sb="4" eb="6">
      <t>ミナミク</t>
    </rPh>
    <phoneticPr fontId="1"/>
  </si>
  <si>
    <t>相模原市立鹿島台小学校</t>
  </si>
  <si>
    <t>相模原市南区上鶴間本町1-9-1</t>
    <rPh sb="4" eb="6">
      <t>ミナミク</t>
    </rPh>
    <phoneticPr fontId="1"/>
  </si>
  <si>
    <t>相模原市立緑台小学校</t>
  </si>
  <si>
    <t>相模原市南区新磯野3-10-23</t>
    <rPh sb="4" eb="6">
      <t>ミナミク</t>
    </rPh>
    <phoneticPr fontId="1"/>
  </si>
  <si>
    <t>相模原市立大野台小学校</t>
  </si>
  <si>
    <t>相模原市南区大野台8-1-15</t>
    <rPh sb="4" eb="6">
      <t>ミナミク</t>
    </rPh>
    <phoneticPr fontId="1"/>
  </si>
  <si>
    <t>相模原市立鶴園小学校</t>
  </si>
  <si>
    <t>相模原市南区上鶴間本町7-8-1</t>
    <rPh sb="4" eb="6">
      <t>ミナミク</t>
    </rPh>
    <phoneticPr fontId="1"/>
  </si>
  <si>
    <t>相模原市立くぬぎ台小学校</t>
  </si>
  <si>
    <t>相模原市南区上鶴間5-7-1</t>
    <rPh sb="4" eb="6">
      <t>ミナミク</t>
    </rPh>
    <phoneticPr fontId="1"/>
  </si>
  <si>
    <t>相模原市立双葉小学校</t>
  </si>
  <si>
    <t>相模原市南区双葉1-2-15</t>
    <rPh sb="4" eb="6">
      <t>ミナミク</t>
    </rPh>
    <phoneticPr fontId="1"/>
  </si>
  <si>
    <t>相模原市立若草小学校</t>
  </si>
  <si>
    <t>相模原市南区新磯野2329</t>
    <rPh sb="4" eb="6">
      <t>ミナミク</t>
    </rPh>
    <phoneticPr fontId="1"/>
  </si>
  <si>
    <t>相模原市立大野台中央小学校</t>
  </si>
  <si>
    <t>相模原市南区大野台2-26-8</t>
    <rPh sb="4" eb="6">
      <t>ミナミク</t>
    </rPh>
    <phoneticPr fontId="1"/>
  </si>
  <si>
    <t>相模原市立谷口小学校</t>
  </si>
  <si>
    <t>やぐち</t>
    <phoneticPr fontId="1"/>
  </si>
  <si>
    <t>相模原市南区上鶴間本町5-13-1</t>
    <rPh sb="4" eb="6">
      <t>ミナミク</t>
    </rPh>
    <phoneticPr fontId="1"/>
  </si>
  <si>
    <t>相模原市立若松小学校</t>
  </si>
  <si>
    <t>相模原市南区若松2-22-1</t>
    <rPh sb="4" eb="6">
      <t>ミナミク</t>
    </rPh>
    <phoneticPr fontId="1"/>
  </si>
  <si>
    <t>相模原市立もえぎ台小学校</t>
  </si>
  <si>
    <t>相模原市南区新磯野2-41-16</t>
    <rPh sb="4" eb="6">
      <t>ミナミク</t>
    </rPh>
    <phoneticPr fontId="1"/>
  </si>
  <si>
    <t>相模原市立夢の丘小学校</t>
  </si>
  <si>
    <t>相模原市南区当麻490-2</t>
    <rPh sb="4" eb="6">
      <t>ミナミク</t>
    </rPh>
    <phoneticPr fontId="1"/>
  </si>
  <si>
    <t>たな</t>
    <phoneticPr fontId="1"/>
  </si>
  <si>
    <t>よみがな</t>
    <phoneticPr fontId="1"/>
  </si>
  <si>
    <t>あさひ</t>
    <phoneticPr fontId="1"/>
  </si>
  <si>
    <t>(042)761-2611</t>
  </si>
  <si>
    <t>(042)772-0536</t>
  </si>
  <si>
    <t>(042)771-2351</t>
  </si>
  <si>
    <t>(042)773-1671</t>
  </si>
  <si>
    <t>(042)761-1271</t>
  </si>
  <si>
    <t>(042)762-6121</t>
  </si>
  <si>
    <t>(042)773-5131</t>
  </si>
  <si>
    <t>(042)773-8700</t>
  </si>
  <si>
    <t>(042)763-1801</t>
  </si>
  <si>
    <t>(042)773-2715</t>
  </si>
  <si>
    <t>(042)782-2037</t>
  </si>
  <si>
    <t>(042)782-2400</t>
  </si>
  <si>
    <t>(042)782-4566</t>
  </si>
  <si>
    <t>(042)782-8383</t>
  </si>
  <si>
    <t>(042)784-1309</t>
  </si>
  <si>
    <t>(042)784-1460</t>
  </si>
  <si>
    <t>(042)784-0618</t>
  </si>
  <si>
    <t>(042)784-0206</t>
  </si>
  <si>
    <t>(042)685-1412</t>
  </si>
  <si>
    <t>(042)685-0112</t>
  </si>
  <si>
    <t>(042)685-0110</t>
  </si>
  <si>
    <t>(042)687-3008</t>
  </si>
  <si>
    <t>(042)687-2719</t>
  </si>
  <si>
    <t>(042)689-2046</t>
  </si>
  <si>
    <t>(042)762ｰ0170</t>
  </si>
  <si>
    <t>(042)762-0024</t>
  </si>
  <si>
    <t>(042)754-6000</t>
  </si>
  <si>
    <t>(042)752-1309</t>
  </si>
  <si>
    <t>(042)752-2044</t>
  </si>
  <si>
    <t>(042)753-0727</t>
  </si>
  <si>
    <t>(042)753-0600</t>
  </si>
  <si>
    <t>(042)753-2285</t>
  </si>
  <si>
    <t>(042)753-2286</t>
  </si>
  <si>
    <t>(042)754-8712</t>
  </si>
  <si>
    <t>(042)756-3010</t>
  </si>
  <si>
    <t>(042)755-4841</t>
  </si>
  <si>
    <t>(042)755-7011</t>
  </si>
  <si>
    <t>(042)778-3326</t>
  </si>
  <si>
    <t>(042)761-2627</t>
  </si>
  <si>
    <t>(042)755-3119</t>
  </si>
  <si>
    <t>(042)754-6310</t>
  </si>
  <si>
    <t>(042)759-0377</t>
  </si>
  <si>
    <t>(042)761-0811</t>
  </si>
  <si>
    <t>(042)750-8500</t>
  </si>
  <si>
    <t>(042)775-1700</t>
  </si>
  <si>
    <t>(042)778-0259</t>
  </si>
  <si>
    <t>(042)742-3226</t>
  </si>
  <si>
    <t>(042)742ｰ2674</t>
  </si>
  <si>
    <t>(042)742-2418</t>
  </si>
  <si>
    <t>(042)744-1439</t>
  </si>
  <si>
    <t>(042)742-9579</t>
  </si>
  <si>
    <t>(042)743-5250</t>
  </si>
  <si>
    <t>(042)742-3674</t>
  </si>
  <si>
    <t>(042)743-9870</t>
  </si>
  <si>
    <t>(042)745-5611</t>
  </si>
  <si>
    <t>(042)745-7193</t>
  </si>
  <si>
    <t>(042)756-1210</t>
  </si>
  <si>
    <t>(042)746-6681</t>
  </si>
  <si>
    <t>(042)746-0811</t>
  </si>
  <si>
    <t>(042)746-0621</t>
  </si>
  <si>
    <t>(042)746-4644</t>
  </si>
  <si>
    <t>(042)755-0022</t>
  </si>
  <si>
    <t>(042)748-9151</t>
  </si>
  <si>
    <t>(042)748-5813</t>
  </si>
  <si>
    <t>(042)746-8877</t>
  </si>
  <si>
    <t>(042)777-5800</t>
  </si>
  <si>
    <t>(042)762-4294</t>
  </si>
  <si>
    <t>(042)779-4382</t>
  </si>
  <si>
    <t>(042)779-4381</t>
  </si>
  <si>
    <t>(042)779-4384</t>
  </si>
  <si>
    <t>(042)762-8072</t>
  </si>
  <si>
    <t>(042)762-8083</t>
  </si>
  <si>
    <t>(042)779-4387</t>
  </si>
  <si>
    <t>(042)779-4379</t>
  </si>
  <si>
    <t>(042)762-3170</t>
  </si>
  <si>
    <t>(042)779-4380</t>
  </si>
  <si>
    <t>(042)782-2849</t>
  </si>
  <si>
    <t>(042)782-3192</t>
  </si>
  <si>
    <t>(042)782-5349</t>
  </si>
  <si>
    <t>(042)782-8204</t>
  </si>
  <si>
    <t>(042)784-1906</t>
  </si>
  <si>
    <t>(042)784-1807</t>
  </si>
  <si>
    <t>(042)784-0447</t>
  </si>
  <si>
    <t>(042)784-0658</t>
  </si>
  <si>
    <t>(042)685-1991</t>
  </si>
  <si>
    <t>(042)682-7029</t>
  </si>
  <si>
    <t>(042)685-0754</t>
  </si>
  <si>
    <t>(042)687-5896</t>
  </si>
  <si>
    <t>(042)687-5894</t>
  </si>
  <si>
    <t>(042)689-2463</t>
  </si>
  <si>
    <t>(042)762-3243</t>
  </si>
  <si>
    <t>(042)762-4579</t>
  </si>
  <si>
    <t>(042)753-0186</t>
  </si>
  <si>
    <t>(042)753-0347</t>
  </si>
  <si>
    <t>(042)753-2091</t>
  </si>
  <si>
    <t>(042)753-4134</t>
  </si>
  <si>
    <t>(042)753-5017</t>
  </si>
  <si>
    <t>(042)753-5076</t>
  </si>
  <si>
    <t>(042)753-6057</t>
  </si>
  <si>
    <t>(042)753-6087</t>
  </si>
  <si>
    <t>(042)753-8041</t>
  </si>
  <si>
    <t>(042)753-8043</t>
  </si>
  <si>
    <t>(042)753-8045</t>
  </si>
  <si>
    <t>(042)777-0803</t>
  </si>
  <si>
    <t>(042)762-8099</t>
  </si>
  <si>
    <t>(042)753-9027</t>
  </si>
  <si>
    <t>(042)753-9035</t>
  </si>
  <si>
    <t>(042)759-2162</t>
  </si>
  <si>
    <t>(042)762-8105</t>
  </si>
  <si>
    <t>(042)750-8558</t>
  </si>
  <si>
    <t>(042)775-1702</t>
  </si>
  <si>
    <t>(042)777-0794</t>
  </si>
  <si>
    <t>(042)741-8603</t>
  </si>
  <si>
    <t>(042)741-7998</t>
  </si>
  <si>
    <t>(042)741-7996</t>
  </si>
  <si>
    <t>(042)741-7995</t>
  </si>
  <si>
    <t>(042)741-7992</t>
  </si>
  <si>
    <t>(042)741-6560</t>
  </si>
  <si>
    <t>(042)741-7991</t>
  </si>
  <si>
    <t>(042)741-7990</t>
  </si>
  <si>
    <t>(042)741-7985</t>
  </si>
  <si>
    <t>(042)741-7948</t>
  </si>
  <si>
    <t>(042)753-7014</t>
  </si>
  <si>
    <t>(042)741-7983</t>
  </si>
  <si>
    <t>(042)741-7982</t>
  </si>
  <si>
    <t>(042)741-8607</t>
  </si>
  <si>
    <t>(042)741-7981</t>
  </si>
  <si>
    <t>(042)752-6089</t>
  </si>
  <si>
    <t>(042)741-7980</t>
  </si>
  <si>
    <t>(042)741-7976</t>
  </si>
  <si>
    <t>(042)743-4662</t>
  </si>
  <si>
    <t>(042)777-5885</t>
  </si>
  <si>
    <t>(046)251-0214</t>
  </si>
  <si>
    <t>(046)251-2329</t>
  </si>
  <si>
    <t>(046)253-2004</t>
  </si>
  <si>
    <t>(046)257-2293</t>
  </si>
  <si>
    <t>(046)257-2292</t>
  </si>
  <si>
    <t>(046)257-2291</t>
  </si>
  <si>
    <t>小学校（相模原市）</t>
    <rPh sb="0" eb="3">
      <t>ショウガッコウ</t>
    </rPh>
    <rPh sb="4" eb="7">
      <t>サガミハラ</t>
    </rPh>
    <rPh sb="7" eb="8">
      <t>シ</t>
    </rPh>
    <phoneticPr fontId="1"/>
  </si>
  <si>
    <t>ファクシミリ</t>
    <phoneticPr fontId="1"/>
  </si>
  <si>
    <t>相模原市緑区三ケ木39-7</t>
    <rPh sb="4" eb="6">
      <t>ミドリク</t>
    </rPh>
    <phoneticPr fontId="1"/>
  </si>
  <si>
    <r>
      <t>252-</t>
    </r>
    <r>
      <rPr>
        <sz val="11"/>
        <rFont val="ＭＳ Ｐゴシック"/>
        <family val="3"/>
        <charset val="128"/>
      </rPr>
      <t>0135</t>
    </r>
    <phoneticPr fontId="1"/>
  </si>
  <si>
    <r>
      <t>252-</t>
    </r>
    <r>
      <rPr>
        <sz val="11"/>
        <rFont val="ＭＳ Ｐゴシック"/>
        <family val="3"/>
        <charset val="128"/>
      </rPr>
      <t>0143</t>
    </r>
    <phoneticPr fontId="1"/>
  </si>
  <si>
    <r>
      <t>252-</t>
    </r>
    <r>
      <rPr>
        <sz val="11"/>
        <rFont val="ＭＳ Ｐゴシック"/>
        <family val="3"/>
        <charset val="128"/>
      </rPr>
      <t>0141</t>
    </r>
    <phoneticPr fontId="1"/>
  </si>
  <si>
    <r>
      <t>252-</t>
    </r>
    <r>
      <rPr>
        <sz val="11"/>
        <rFont val="ＭＳ Ｐゴシック"/>
        <family val="3"/>
        <charset val="128"/>
      </rPr>
      <t>0134</t>
    </r>
    <phoneticPr fontId="1"/>
  </si>
  <si>
    <r>
      <t>252</t>
    </r>
    <r>
      <rPr>
        <sz val="11"/>
        <rFont val="ＭＳ Ｐゴシック"/>
        <family val="3"/>
        <charset val="128"/>
      </rPr>
      <t>-0135</t>
    </r>
    <phoneticPr fontId="1"/>
  </si>
  <si>
    <r>
      <t>252-</t>
    </r>
    <r>
      <rPr>
        <sz val="11"/>
        <rFont val="ＭＳ Ｐゴシック"/>
        <family val="3"/>
        <charset val="128"/>
      </rPr>
      <t>0157</t>
    </r>
    <phoneticPr fontId="1"/>
  </si>
  <si>
    <r>
      <t>252-</t>
    </r>
    <r>
      <rPr>
        <sz val="11"/>
        <rFont val="ＭＳ Ｐゴシック"/>
        <family val="3"/>
        <charset val="128"/>
      </rPr>
      <t>0154</t>
    </r>
    <phoneticPr fontId="1"/>
  </si>
  <si>
    <r>
      <t>252-01</t>
    </r>
    <r>
      <rPr>
        <sz val="11"/>
        <rFont val="ＭＳ Ｐゴシック"/>
        <family val="3"/>
        <charset val="128"/>
      </rPr>
      <t>71</t>
    </r>
    <phoneticPr fontId="1"/>
  </si>
  <si>
    <r>
      <t>252-01</t>
    </r>
    <r>
      <rPr>
        <sz val="11"/>
        <rFont val="ＭＳ Ｐゴシック"/>
        <family val="3"/>
        <charset val="128"/>
      </rPr>
      <t>74</t>
    </r>
    <phoneticPr fontId="1"/>
  </si>
  <si>
    <r>
      <t>252-01</t>
    </r>
    <r>
      <rPr>
        <sz val="11"/>
        <rFont val="ＭＳ Ｐゴシック"/>
        <family val="3"/>
        <charset val="128"/>
      </rPr>
      <t>76</t>
    </r>
    <phoneticPr fontId="1"/>
  </si>
  <si>
    <r>
      <t>252</t>
    </r>
    <r>
      <rPr>
        <sz val="11"/>
        <rFont val="ＭＳ Ｐゴシック"/>
        <family val="3"/>
        <charset val="128"/>
      </rPr>
      <t>-0244</t>
    </r>
    <phoneticPr fontId="1"/>
  </si>
  <si>
    <r>
      <t>252-</t>
    </r>
    <r>
      <rPr>
        <sz val="11"/>
        <rFont val="ＭＳ Ｐゴシック"/>
        <family val="3"/>
        <charset val="128"/>
      </rPr>
      <t>0243</t>
    </r>
    <phoneticPr fontId="1"/>
  </si>
  <si>
    <r>
      <t>252-</t>
    </r>
    <r>
      <rPr>
        <sz val="11"/>
        <rFont val="ＭＳ Ｐゴシック"/>
        <family val="3"/>
        <charset val="128"/>
      </rPr>
      <t>0238</t>
    </r>
    <phoneticPr fontId="1"/>
  </si>
  <si>
    <r>
      <t>252-</t>
    </r>
    <r>
      <rPr>
        <sz val="11"/>
        <rFont val="ＭＳ Ｐゴシック"/>
        <family val="3"/>
        <charset val="128"/>
      </rPr>
      <t>0206</t>
    </r>
    <phoneticPr fontId="1"/>
  </si>
  <si>
    <r>
      <t>252-</t>
    </r>
    <r>
      <rPr>
        <sz val="11"/>
        <rFont val="ＭＳ Ｐゴシック"/>
        <family val="3"/>
        <charset val="128"/>
      </rPr>
      <t>0216</t>
    </r>
    <phoneticPr fontId="1"/>
  </si>
  <si>
    <r>
      <t>252-</t>
    </r>
    <r>
      <rPr>
        <sz val="11"/>
        <rFont val="ＭＳ Ｐゴシック"/>
        <family val="3"/>
        <charset val="128"/>
      </rPr>
      <t>0241</t>
    </r>
    <phoneticPr fontId="1"/>
  </si>
  <si>
    <r>
      <t>252-</t>
    </r>
    <r>
      <rPr>
        <sz val="11"/>
        <rFont val="ＭＳ Ｐゴシック"/>
        <family val="3"/>
        <charset val="128"/>
      </rPr>
      <t>0228</t>
    </r>
    <phoneticPr fontId="1"/>
  </si>
  <si>
    <r>
      <t>252-</t>
    </r>
    <r>
      <rPr>
        <sz val="11"/>
        <rFont val="ＭＳ Ｐゴシック"/>
        <family val="3"/>
        <charset val="128"/>
      </rPr>
      <t>0226</t>
    </r>
    <phoneticPr fontId="1"/>
  </si>
  <si>
    <r>
      <t>252-</t>
    </r>
    <r>
      <rPr>
        <sz val="11"/>
        <rFont val="ＭＳ Ｐゴシック"/>
        <family val="3"/>
        <charset val="128"/>
      </rPr>
      <t>0229</t>
    </r>
    <phoneticPr fontId="1"/>
  </si>
  <si>
    <r>
      <t>相模原市中央区東淵野辺3-</t>
    </r>
    <r>
      <rPr>
        <sz val="11"/>
        <rFont val="ＭＳ Ｐゴシック"/>
        <family val="3"/>
        <charset val="128"/>
      </rPr>
      <t>17-1</t>
    </r>
    <rPh sb="4" eb="7">
      <t>チュウオウク</t>
    </rPh>
    <phoneticPr fontId="1"/>
  </si>
  <si>
    <r>
      <t>252-</t>
    </r>
    <r>
      <rPr>
        <sz val="11"/>
        <rFont val="ＭＳ Ｐゴシック"/>
        <family val="3"/>
        <charset val="128"/>
      </rPr>
      <t>0205</t>
    </r>
    <phoneticPr fontId="1"/>
  </si>
  <si>
    <r>
      <t>252</t>
    </r>
    <r>
      <rPr>
        <sz val="11"/>
        <rFont val="ＭＳ Ｐゴシック"/>
        <family val="3"/>
        <charset val="128"/>
      </rPr>
      <t>-0302</t>
    </r>
    <phoneticPr fontId="1"/>
  </si>
  <si>
    <r>
      <t>252-</t>
    </r>
    <r>
      <rPr>
        <sz val="11"/>
        <rFont val="ＭＳ Ｐゴシック"/>
        <family val="3"/>
        <charset val="128"/>
      </rPr>
      <t>0314</t>
    </r>
    <phoneticPr fontId="1"/>
  </si>
  <si>
    <r>
      <t>252-</t>
    </r>
    <r>
      <rPr>
        <sz val="11"/>
        <rFont val="ＭＳ Ｐゴシック"/>
        <family val="3"/>
        <charset val="128"/>
      </rPr>
      <t>0323</t>
    </r>
    <phoneticPr fontId="1"/>
  </si>
  <si>
    <r>
      <t>252-</t>
    </r>
    <r>
      <rPr>
        <sz val="11"/>
        <rFont val="ＭＳ Ｐゴシック"/>
        <family val="3"/>
        <charset val="128"/>
      </rPr>
      <t>0321</t>
    </r>
    <phoneticPr fontId="1"/>
  </si>
  <si>
    <r>
      <t>252-</t>
    </r>
    <r>
      <rPr>
        <sz val="11"/>
        <rFont val="ＭＳ Ｐゴシック"/>
        <family val="3"/>
        <charset val="128"/>
      </rPr>
      <t>0302</t>
    </r>
    <phoneticPr fontId="1"/>
  </si>
  <si>
    <r>
      <t>252-</t>
    </r>
    <r>
      <rPr>
        <sz val="11"/>
        <rFont val="ＭＳ Ｐゴシック"/>
        <family val="3"/>
        <charset val="128"/>
      </rPr>
      <t>0331</t>
    </r>
    <phoneticPr fontId="1"/>
  </si>
  <si>
    <r>
      <t>252-</t>
    </r>
    <r>
      <rPr>
        <sz val="11"/>
        <rFont val="ＭＳ Ｐゴシック"/>
        <family val="3"/>
        <charset val="128"/>
      </rPr>
      <t>0316</t>
    </r>
    <phoneticPr fontId="1"/>
  </si>
  <si>
    <r>
      <t>252-</t>
    </r>
    <r>
      <rPr>
        <sz val="11"/>
        <rFont val="ＭＳ Ｐゴシック"/>
        <family val="3"/>
        <charset val="128"/>
      </rPr>
      <t>0325</t>
    </r>
    <phoneticPr fontId="1"/>
  </si>
  <si>
    <r>
      <t>252-</t>
    </r>
    <r>
      <rPr>
        <sz val="11"/>
        <rFont val="ＭＳ Ｐゴシック"/>
        <family val="3"/>
        <charset val="128"/>
      </rPr>
      <t>0318</t>
    </r>
    <phoneticPr fontId="1"/>
  </si>
  <si>
    <r>
      <t>252-0</t>
    </r>
    <r>
      <rPr>
        <sz val="11"/>
        <rFont val="ＭＳ Ｐゴシック"/>
        <family val="3"/>
        <charset val="128"/>
      </rPr>
      <t>336</t>
    </r>
    <phoneticPr fontId="1"/>
  </si>
  <si>
    <r>
      <t>252-</t>
    </r>
    <r>
      <rPr>
        <sz val="11"/>
        <rFont val="ＭＳ Ｐゴシック"/>
        <family val="3"/>
        <charset val="128"/>
      </rPr>
      <t>0143</t>
    </r>
    <phoneticPr fontId="1"/>
  </si>
  <si>
    <r>
      <t>252-</t>
    </r>
    <r>
      <rPr>
        <sz val="11"/>
        <rFont val="ＭＳ Ｐゴシック"/>
        <family val="3"/>
        <charset val="128"/>
      </rPr>
      <t>0137</t>
    </r>
    <phoneticPr fontId="1"/>
  </si>
  <si>
    <r>
      <t>252-</t>
    </r>
    <r>
      <rPr>
        <sz val="11"/>
        <rFont val="ＭＳ Ｐゴシック"/>
        <family val="3"/>
        <charset val="128"/>
      </rPr>
      <t>0153</t>
    </r>
    <phoneticPr fontId="1"/>
  </si>
  <si>
    <r>
      <t>252-</t>
    </r>
    <r>
      <rPr>
        <sz val="11"/>
        <rFont val="ＭＳ Ｐゴシック"/>
        <family val="3"/>
        <charset val="128"/>
      </rPr>
      <t>0159</t>
    </r>
    <phoneticPr fontId="1"/>
  </si>
  <si>
    <r>
      <t>252-</t>
    </r>
    <r>
      <rPr>
        <sz val="11"/>
        <rFont val="ＭＳ Ｐゴシック"/>
        <family val="3"/>
        <charset val="128"/>
      </rPr>
      <t>0181</t>
    </r>
    <phoneticPr fontId="1"/>
  </si>
  <si>
    <r>
      <t>252-</t>
    </r>
    <r>
      <rPr>
        <sz val="11"/>
        <rFont val="ＭＳ Ｐゴシック"/>
        <family val="3"/>
        <charset val="128"/>
      </rPr>
      <t>0185</t>
    </r>
    <phoneticPr fontId="1"/>
  </si>
  <si>
    <r>
      <t>252-</t>
    </r>
    <r>
      <rPr>
        <sz val="11"/>
        <rFont val="ＭＳ Ｐゴシック"/>
        <family val="3"/>
        <charset val="128"/>
      </rPr>
      <t>0186</t>
    </r>
    <phoneticPr fontId="1"/>
  </si>
  <si>
    <r>
      <t>252-</t>
    </r>
    <r>
      <rPr>
        <sz val="11"/>
        <rFont val="ＭＳ Ｐゴシック"/>
        <family val="3"/>
        <charset val="128"/>
      </rPr>
      <t>0214</t>
    </r>
    <phoneticPr fontId="1"/>
  </si>
  <si>
    <r>
      <t>252-</t>
    </r>
    <r>
      <rPr>
        <sz val="11"/>
        <rFont val="ＭＳ Ｐゴシック"/>
        <family val="3"/>
        <charset val="128"/>
      </rPr>
      <t>0206</t>
    </r>
    <phoneticPr fontId="1"/>
  </si>
  <si>
    <r>
      <t>252-</t>
    </r>
    <r>
      <rPr>
        <sz val="11"/>
        <rFont val="ＭＳ Ｐゴシック"/>
        <family val="3"/>
        <charset val="128"/>
      </rPr>
      <t>0236</t>
    </r>
    <phoneticPr fontId="1"/>
  </si>
  <si>
    <r>
      <t>252-</t>
    </r>
    <r>
      <rPr>
        <sz val="11"/>
        <rFont val="ＭＳ Ｐゴシック"/>
        <family val="3"/>
        <charset val="128"/>
      </rPr>
      <t>0227</t>
    </r>
    <phoneticPr fontId="1"/>
  </si>
  <si>
    <r>
      <t>252-0</t>
    </r>
    <r>
      <rPr>
        <sz val="11"/>
        <rFont val="ＭＳ Ｐゴシック"/>
        <family val="3"/>
        <charset val="128"/>
      </rPr>
      <t>221</t>
    </r>
    <phoneticPr fontId="1"/>
  </si>
  <si>
    <r>
      <t>252-</t>
    </r>
    <r>
      <rPr>
        <sz val="11"/>
        <rFont val="ＭＳ Ｐゴシック"/>
        <family val="3"/>
        <charset val="128"/>
      </rPr>
      <t>0228</t>
    </r>
    <phoneticPr fontId="1"/>
  </si>
  <si>
    <r>
      <t>252-</t>
    </r>
    <r>
      <rPr>
        <sz val="11"/>
        <rFont val="ＭＳ Ｐゴシック"/>
        <family val="3"/>
        <charset val="128"/>
      </rPr>
      <t>0244</t>
    </r>
    <phoneticPr fontId="1"/>
  </si>
  <si>
    <r>
      <t>252-</t>
    </r>
    <r>
      <rPr>
        <sz val="11"/>
        <rFont val="ＭＳ Ｐゴシック"/>
        <family val="3"/>
        <charset val="128"/>
      </rPr>
      <t>0203</t>
    </r>
    <phoneticPr fontId="1"/>
  </si>
  <si>
    <r>
      <t>252-</t>
    </r>
    <r>
      <rPr>
        <sz val="11"/>
        <rFont val="ＭＳ Ｐゴシック"/>
        <family val="3"/>
        <charset val="128"/>
      </rPr>
      <t>0236</t>
    </r>
    <phoneticPr fontId="1"/>
  </si>
  <si>
    <r>
      <t>252-</t>
    </r>
    <r>
      <rPr>
        <sz val="11"/>
        <rFont val="ＭＳ Ｐゴシック"/>
        <family val="3"/>
        <charset val="128"/>
      </rPr>
      <t>0327</t>
    </r>
    <phoneticPr fontId="1"/>
  </si>
  <si>
    <r>
      <t>252-</t>
    </r>
    <r>
      <rPr>
        <sz val="11"/>
        <rFont val="ＭＳ Ｐゴシック"/>
        <family val="3"/>
        <charset val="128"/>
      </rPr>
      <t>0335</t>
    </r>
    <phoneticPr fontId="1"/>
  </si>
  <si>
    <r>
      <t>252-</t>
    </r>
    <r>
      <rPr>
        <sz val="11"/>
        <rFont val="ＭＳ Ｐゴシック"/>
        <family val="3"/>
        <charset val="128"/>
      </rPr>
      <t>0344</t>
    </r>
    <phoneticPr fontId="1"/>
  </si>
  <si>
    <r>
      <t>252-</t>
    </r>
    <r>
      <rPr>
        <sz val="11"/>
        <rFont val="ＭＳ Ｐゴシック"/>
        <family val="3"/>
        <charset val="128"/>
      </rPr>
      <t>0307</t>
    </r>
    <phoneticPr fontId="1"/>
  </si>
  <si>
    <r>
      <t>252-</t>
    </r>
    <r>
      <rPr>
        <sz val="11"/>
        <rFont val="ＭＳ Ｐゴシック"/>
        <family val="3"/>
        <charset val="128"/>
      </rPr>
      <t>0312</t>
    </r>
    <phoneticPr fontId="1"/>
  </si>
  <si>
    <r>
      <t>252-</t>
    </r>
    <r>
      <rPr>
        <sz val="11"/>
        <rFont val="ＭＳ Ｐゴシック"/>
        <family val="3"/>
        <charset val="128"/>
      </rPr>
      <t>0333</t>
    </r>
    <phoneticPr fontId="1"/>
  </si>
  <si>
    <r>
      <t>252-</t>
    </r>
    <r>
      <rPr>
        <sz val="11"/>
        <rFont val="ＭＳ Ｐゴシック"/>
        <family val="3"/>
        <charset val="128"/>
      </rPr>
      <t>0304</t>
    </r>
    <phoneticPr fontId="1"/>
  </si>
  <si>
    <r>
      <t>252-0</t>
    </r>
    <r>
      <rPr>
        <sz val="11"/>
        <rFont val="ＭＳ Ｐゴシック"/>
        <family val="3"/>
        <charset val="128"/>
      </rPr>
      <t>318</t>
    </r>
    <phoneticPr fontId="1"/>
  </si>
  <si>
    <r>
      <t>252-0</t>
    </r>
    <r>
      <rPr>
        <sz val="11"/>
        <rFont val="ＭＳ Ｐゴシック"/>
        <family val="3"/>
        <charset val="128"/>
      </rPr>
      <t>325</t>
    </r>
    <phoneticPr fontId="1"/>
  </si>
  <si>
    <r>
      <t>252-</t>
    </r>
    <r>
      <rPr>
        <sz val="11"/>
        <rFont val="ＭＳ Ｐゴシック"/>
        <family val="3"/>
        <charset val="128"/>
      </rPr>
      <t>0334</t>
    </r>
    <phoneticPr fontId="1"/>
  </si>
  <si>
    <r>
      <t>（本校</t>
    </r>
    <r>
      <rPr>
        <sz val="11"/>
        <rFont val="ＭＳ Ｐゴシック"/>
        <family val="3"/>
        <charset val="128"/>
      </rPr>
      <t>24校）</t>
    </r>
    <rPh sb="1" eb="3">
      <t>ホンコウ</t>
    </rPh>
    <rPh sb="5" eb="6">
      <t>コウ</t>
    </rPh>
    <phoneticPr fontId="1"/>
  </si>
  <si>
    <t>（本校69校）</t>
    <rPh sb="1" eb="3">
      <t>ホンコウ</t>
    </rPh>
    <rPh sb="5" eb="6">
      <t>コウ</t>
    </rPh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</fills>
  <borders count="2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43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3" fillId="0" borderId="0" xfId="0" applyFont="1" applyFill="1" applyBorder="1" applyAlignment="1">
      <alignment vertical="center"/>
    </xf>
    <xf numFmtId="0" fontId="0" fillId="0" borderId="0" xfId="0" applyFont="1" applyFill="1"/>
    <xf numFmtId="0" fontId="0" fillId="0" borderId="3" xfId="0" applyNumberFormat="1" applyFont="1" applyFill="1" applyBorder="1" applyAlignment="1">
      <alignment horizontal="center" vertical="center" shrinkToFit="1"/>
    </xf>
    <xf numFmtId="0" fontId="0" fillId="0" borderId="4" xfId="0" applyNumberFormat="1" applyFont="1" applyFill="1" applyBorder="1" applyAlignment="1">
      <alignment horizontal="center" vertical="center" shrinkToFit="1"/>
    </xf>
    <xf numFmtId="0" fontId="0" fillId="0" borderId="0" xfId="0" applyNumberFormat="1" applyFont="1" applyFill="1" applyBorder="1" applyAlignment="1">
      <alignment horizontal="left" vertical="center" shrinkToFit="1"/>
    </xf>
    <xf numFmtId="0" fontId="0" fillId="0" borderId="4" xfId="0" applyNumberFormat="1" applyFont="1" applyFill="1" applyBorder="1" applyAlignment="1">
      <alignment horizontal="left" vertical="center" shrinkToFit="1"/>
    </xf>
    <xf numFmtId="0" fontId="0" fillId="0" borderId="0" xfId="0" applyNumberFormat="1" applyFont="1" applyFill="1" applyBorder="1" applyAlignment="1">
      <alignment horizontal="center" vertical="center" shrinkToFit="1"/>
    </xf>
    <xf numFmtId="0" fontId="0" fillId="0" borderId="10" xfId="0" applyNumberFormat="1" applyFont="1" applyFill="1" applyBorder="1" applyAlignment="1">
      <alignment horizontal="center" vertical="center" shrinkToFit="1"/>
    </xf>
    <xf numFmtId="0" fontId="0" fillId="0" borderId="5" xfId="0" applyNumberFormat="1" applyFont="1" applyFill="1" applyBorder="1" applyAlignment="1">
      <alignment horizontal="left" vertical="center" shrinkToFit="1"/>
    </xf>
    <xf numFmtId="0" fontId="0" fillId="0" borderId="6" xfId="0" applyNumberFormat="1" applyFont="1" applyFill="1" applyBorder="1" applyAlignment="1">
      <alignment horizontal="left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13" xfId="0" applyNumberFormat="1" applyFont="1" applyFill="1" applyBorder="1" applyAlignment="1">
      <alignment horizontal="left" vertical="center" shrinkToFit="1"/>
    </xf>
    <xf numFmtId="0" fontId="0" fillId="0" borderId="14" xfId="0" applyNumberFormat="1" applyFont="1" applyFill="1" applyBorder="1" applyAlignment="1">
      <alignment horizontal="center" vertical="center" shrinkToFit="1"/>
    </xf>
    <xf numFmtId="0" fontId="0" fillId="0" borderId="15" xfId="0" applyNumberFormat="1" applyFont="1" applyFill="1" applyBorder="1" applyAlignment="1">
      <alignment horizontal="left" vertical="center" shrinkToFit="1"/>
    </xf>
    <xf numFmtId="0" fontId="0" fillId="0" borderId="14" xfId="0" applyNumberFormat="1" applyFont="1" applyFill="1" applyBorder="1" applyAlignment="1">
      <alignment horizontal="left" vertical="center" shrinkToFit="1"/>
    </xf>
    <xf numFmtId="0" fontId="0" fillId="0" borderId="15" xfId="0" applyNumberFormat="1" applyFont="1" applyFill="1" applyBorder="1" applyAlignment="1">
      <alignment horizontal="center" vertical="center" shrinkToFit="1"/>
    </xf>
    <xf numFmtId="0" fontId="0" fillId="0" borderId="24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horizontal="left" vertical="center" shrinkToFit="1"/>
    </xf>
    <xf numFmtId="0" fontId="0" fillId="0" borderId="16" xfId="0" applyNumberFormat="1" applyFont="1" applyFill="1" applyBorder="1" applyAlignment="1">
      <alignment horizontal="left" vertical="center" shrinkToFit="1"/>
    </xf>
    <xf numFmtId="0" fontId="0" fillId="0" borderId="18" xfId="0" applyNumberFormat="1" applyFont="1" applyFill="1" applyBorder="1" applyAlignment="1">
      <alignment horizontal="center" vertical="center" shrinkToFit="1"/>
    </xf>
    <xf numFmtId="0" fontId="0" fillId="0" borderId="25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2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left" vertical="center" shrinkToFit="1"/>
    </xf>
    <xf numFmtId="0" fontId="0" fillId="0" borderId="2" xfId="0" applyNumberFormat="1" applyFont="1" applyFill="1" applyBorder="1" applyAlignment="1">
      <alignment horizontal="left" vertical="center" shrinkToFit="1"/>
    </xf>
    <xf numFmtId="0" fontId="0" fillId="0" borderId="1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center" vertical="center" shrinkToFit="1"/>
    </xf>
    <xf numFmtId="0" fontId="0" fillId="0" borderId="0" xfId="0" applyFont="1" applyFill="1" applyBorder="1" applyAlignment="1">
      <alignment vertical="center"/>
    </xf>
    <xf numFmtId="0" fontId="0" fillId="0" borderId="0" xfId="0" applyFont="1" applyFill="1" applyAlignment="1">
      <alignment horizontal="center"/>
    </xf>
    <xf numFmtId="0" fontId="0" fillId="0" borderId="0" xfId="0" applyFont="1" applyFill="1" applyBorder="1"/>
    <xf numFmtId="0" fontId="0" fillId="2" borderId="21" xfId="0" applyFont="1" applyFill="1" applyBorder="1" applyAlignment="1">
      <alignment horizontal="center" vertical="center"/>
    </xf>
    <xf numFmtId="0" fontId="0" fillId="2" borderId="22" xfId="0" applyFont="1" applyFill="1" applyBorder="1" applyAlignment="1">
      <alignment horizontal="center" vertical="center"/>
    </xf>
    <xf numFmtId="0" fontId="0" fillId="2" borderId="23" xfId="0" applyFont="1" applyFill="1" applyBorder="1" applyAlignment="1">
      <alignment horizontal="center" vertical="center"/>
    </xf>
    <xf numFmtId="0" fontId="0" fillId="2" borderId="19" xfId="0" applyFont="1" applyFill="1" applyBorder="1" applyAlignment="1">
      <alignment horizontal="center" vertical="center"/>
    </xf>
    <xf numFmtId="0" fontId="0" fillId="2" borderId="20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J73"/>
  <sheetViews>
    <sheetView showGridLines="0" tabSelected="1" zoomScaleNormal="100" zoomScaleSheetLayoutView="100" workbookViewId="0">
      <pane ySplit="4" topLeftCell="A29" activePane="bottomLeft" state="frozen"/>
      <selection pane="bottomLeft" activeCell="H3" sqref="H3:I3"/>
    </sheetView>
  </sheetViews>
  <sheetFormatPr defaultRowHeight="13" x14ac:dyDescent="0.2"/>
  <cols>
    <col min="1" max="1" width="1.1796875" style="2" customWidth="1"/>
    <col min="2" max="2" width="11.81640625" style="35" customWidth="1"/>
    <col min="3" max="3" width="14.08984375" style="35" customWidth="1"/>
    <col min="4" max="4" width="28" style="5" bestFit="1" customWidth="1"/>
    <col min="5" max="5" width="18.81640625" style="5" customWidth="1"/>
    <col min="6" max="6" width="9" style="35"/>
    <col min="7" max="7" width="28.6328125" style="5" customWidth="1"/>
    <col min="8" max="9" width="14.1796875" style="35" customWidth="1"/>
    <col min="10" max="10" width="9" style="2"/>
    <col min="12" max="12" width="13.08984375" customWidth="1"/>
    <col min="13" max="13" width="23.90625" customWidth="1"/>
    <col min="14" max="14" width="21.36328125" customWidth="1"/>
    <col min="15" max="15" width="13.453125" customWidth="1"/>
    <col min="17" max="17" width="25.36328125" customWidth="1"/>
  </cols>
  <sheetData>
    <row r="2" spans="1:10" x14ac:dyDescent="0.2">
      <c r="B2" s="4" t="s">
        <v>359</v>
      </c>
      <c r="C2" s="34"/>
    </row>
    <row r="3" spans="1:10" ht="13.5" thickBot="1" x14ac:dyDescent="0.25">
      <c r="G3" s="36"/>
      <c r="H3" s="42" t="s">
        <v>421</v>
      </c>
      <c r="I3" s="42"/>
    </row>
    <row r="4" spans="1:10" s="1" customFormat="1" ht="30" customHeight="1" x14ac:dyDescent="0.2">
      <c r="A4" s="3"/>
      <c r="B4" s="40" t="s">
        <v>0</v>
      </c>
      <c r="C4" s="41"/>
      <c r="D4" s="37" t="s">
        <v>1</v>
      </c>
      <c r="E4" s="38" t="s">
        <v>219</v>
      </c>
      <c r="F4" s="37" t="s">
        <v>2</v>
      </c>
      <c r="G4" s="38" t="s">
        <v>3</v>
      </c>
      <c r="H4" s="38" t="s">
        <v>4</v>
      </c>
      <c r="I4" s="39" t="s">
        <v>360</v>
      </c>
      <c r="J4" s="3"/>
    </row>
    <row r="5" spans="1:10" s="5" customFormat="1" x14ac:dyDescent="0.2">
      <c r="B5" s="6" t="s">
        <v>69</v>
      </c>
      <c r="C5" s="7" t="s">
        <v>6</v>
      </c>
      <c r="D5" s="8" t="s">
        <v>70</v>
      </c>
      <c r="E5" s="9" t="s">
        <v>8</v>
      </c>
      <c r="F5" s="10" t="s">
        <v>362</v>
      </c>
      <c r="G5" s="9" t="s">
        <v>71</v>
      </c>
      <c r="H5" s="7" t="s">
        <v>221</v>
      </c>
      <c r="I5" s="11" t="s">
        <v>287</v>
      </c>
    </row>
    <row r="6" spans="1:10" s="5" customFormat="1" x14ac:dyDescent="0.2">
      <c r="B6" s="6" t="s">
        <v>420</v>
      </c>
      <c r="C6" s="7" t="s">
        <v>419</v>
      </c>
      <c r="D6" s="12" t="s">
        <v>72</v>
      </c>
      <c r="E6" s="13" t="s">
        <v>220</v>
      </c>
      <c r="F6" s="14" t="s">
        <v>363</v>
      </c>
      <c r="G6" s="13" t="s">
        <v>73</v>
      </c>
      <c r="H6" s="15" t="s">
        <v>222</v>
      </c>
      <c r="I6" s="16" t="s">
        <v>288</v>
      </c>
    </row>
    <row r="7" spans="1:10" s="5" customFormat="1" x14ac:dyDescent="0.2">
      <c r="B7" s="6"/>
      <c r="C7" s="7"/>
      <c r="D7" s="12" t="s">
        <v>74</v>
      </c>
      <c r="E7" s="13" t="s">
        <v>9</v>
      </c>
      <c r="F7" s="14" t="s">
        <v>364</v>
      </c>
      <c r="G7" s="13" t="s">
        <v>75</v>
      </c>
      <c r="H7" s="15" t="s">
        <v>223</v>
      </c>
      <c r="I7" s="16" t="s">
        <v>289</v>
      </c>
    </row>
    <row r="8" spans="1:10" s="5" customFormat="1" x14ac:dyDescent="0.2">
      <c r="B8" s="6"/>
      <c r="C8" s="7"/>
      <c r="D8" s="12" t="s">
        <v>76</v>
      </c>
      <c r="E8" s="13" t="s">
        <v>10</v>
      </c>
      <c r="F8" s="14" t="s">
        <v>393</v>
      </c>
      <c r="G8" s="13" t="s">
        <v>77</v>
      </c>
      <c r="H8" s="15" t="s">
        <v>224</v>
      </c>
      <c r="I8" s="16" t="s">
        <v>290</v>
      </c>
    </row>
    <row r="9" spans="1:10" s="5" customFormat="1" x14ac:dyDescent="0.2">
      <c r="B9" s="6"/>
      <c r="C9" s="7"/>
      <c r="D9" s="12" t="s">
        <v>78</v>
      </c>
      <c r="E9" s="13" t="s">
        <v>11</v>
      </c>
      <c r="F9" s="14" t="s">
        <v>365</v>
      </c>
      <c r="G9" s="13" t="s">
        <v>79</v>
      </c>
      <c r="H9" s="15" t="s">
        <v>225</v>
      </c>
      <c r="I9" s="16" t="s">
        <v>291</v>
      </c>
    </row>
    <row r="10" spans="1:10" s="5" customFormat="1" x14ac:dyDescent="0.2">
      <c r="B10" s="6"/>
      <c r="C10" s="7"/>
      <c r="D10" s="12" t="s">
        <v>80</v>
      </c>
      <c r="E10" s="13" t="s">
        <v>7</v>
      </c>
      <c r="F10" s="14" t="s">
        <v>362</v>
      </c>
      <c r="G10" s="13" t="s">
        <v>81</v>
      </c>
      <c r="H10" s="15" t="s">
        <v>226</v>
      </c>
      <c r="I10" s="16" t="s">
        <v>292</v>
      </c>
    </row>
    <row r="11" spans="1:10" s="5" customFormat="1" x14ac:dyDescent="0.2">
      <c r="B11" s="6"/>
      <c r="C11" s="7"/>
      <c r="D11" s="12" t="s">
        <v>82</v>
      </c>
      <c r="E11" s="13" t="s">
        <v>12</v>
      </c>
      <c r="F11" s="14" t="s">
        <v>394</v>
      </c>
      <c r="G11" s="13" t="s">
        <v>83</v>
      </c>
      <c r="H11" s="15" t="s">
        <v>227</v>
      </c>
      <c r="I11" s="16" t="s">
        <v>293</v>
      </c>
    </row>
    <row r="12" spans="1:10" s="5" customFormat="1" x14ac:dyDescent="0.2">
      <c r="B12" s="6"/>
      <c r="C12" s="7"/>
      <c r="D12" s="12" t="s">
        <v>84</v>
      </c>
      <c r="E12" s="13" t="s">
        <v>13</v>
      </c>
      <c r="F12" s="14" t="s">
        <v>363</v>
      </c>
      <c r="G12" s="13" t="s">
        <v>85</v>
      </c>
      <c r="H12" s="15" t="s">
        <v>228</v>
      </c>
      <c r="I12" s="16" t="s">
        <v>294</v>
      </c>
    </row>
    <row r="13" spans="1:10" s="5" customFormat="1" x14ac:dyDescent="0.2">
      <c r="B13" s="6"/>
      <c r="C13" s="7"/>
      <c r="D13" s="12" t="s">
        <v>86</v>
      </c>
      <c r="E13" s="13" t="s">
        <v>14</v>
      </c>
      <c r="F13" s="14" t="s">
        <v>366</v>
      </c>
      <c r="G13" s="13" t="s">
        <v>87</v>
      </c>
      <c r="H13" s="15" t="s">
        <v>229</v>
      </c>
      <c r="I13" s="16" t="s">
        <v>295</v>
      </c>
    </row>
    <row r="14" spans="1:10" s="5" customFormat="1" x14ac:dyDescent="0.2">
      <c r="B14" s="6"/>
      <c r="C14" s="7"/>
      <c r="D14" s="12" t="s">
        <v>88</v>
      </c>
      <c r="E14" s="13" t="s">
        <v>15</v>
      </c>
      <c r="F14" s="14" t="s">
        <v>364</v>
      </c>
      <c r="G14" s="13" t="s">
        <v>89</v>
      </c>
      <c r="H14" s="15" t="s">
        <v>230</v>
      </c>
      <c r="I14" s="16" t="s">
        <v>296</v>
      </c>
    </row>
    <row r="15" spans="1:10" s="5" customFormat="1" x14ac:dyDescent="0.2">
      <c r="B15" s="6"/>
      <c r="C15" s="7"/>
      <c r="D15" s="12" t="s">
        <v>90</v>
      </c>
      <c r="E15" s="13" t="s">
        <v>16</v>
      </c>
      <c r="F15" s="14" t="s">
        <v>91</v>
      </c>
      <c r="G15" s="13" t="s">
        <v>92</v>
      </c>
      <c r="H15" s="15" t="s">
        <v>231</v>
      </c>
      <c r="I15" s="16" t="s">
        <v>297</v>
      </c>
    </row>
    <row r="16" spans="1:10" s="5" customFormat="1" x14ac:dyDescent="0.2">
      <c r="B16" s="6"/>
      <c r="C16" s="7"/>
      <c r="D16" s="12" t="s">
        <v>93</v>
      </c>
      <c r="E16" s="13" t="s">
        <v>17</v>
      </c>
      <c r="F16" s="14" t="s">
        <v>94</v>
      </c>
      <c r="G16" s="13" t="s">
        <v>95</v>
      </c>
      <c r="H16" s="15" t="s">
        <v>232</v>
      </c>
      <c r="I16" s="16" t="s">
        <v>298</v>
      </c>
    </row>
    <row r="17" spans="2:9" s="5" customFormat="1" x14ac:dyDescent="0.2">
      <c r="B17" s="6"/>
      <c r="C17" s="7"/>
      <c r="D17" s="12" t="s">
        <v>96</v>
      </c>
      <c r="E17" s="13" t="s">
        <v>18</v>
      </c>
      <c r="F17" s="14" t="s">
        <v>97</v>
      </c>
      <c r="G17" s="13" t="s">
        <v>98</v>
      </c>
      <c r="H17" s="15" t="s">
        <v>233</v>
      </c>
      <c r="I17" s="16" t="s">
        <v>299</v>
      </c>
    </row>
    <row r="18" spans="2:9" s="5" customFormat="1" x14ac:dyDescent="0.2">
      <c r="B18" s="6"/>
      <c r="C18" s="7"/>
      <c r="D18" s="12" t="s">
        <v>99</v>
      </c>
      <c r="E18" s="13" t="s">
        <v>19</v>
      </c>
      <c r="F18" s="14" t="s">
        <v>100</v>
      </c>
      <c r="G18" s="13" t="s">
        <v>101</v>
      </c>
      <c r="H18" s="15" t="s">
        <v>234</v>
      </c>
      <c r="I18" s="16" t="s">
        <v>300</v>
      </c>
    </row>
    <row r="19" spans="2:9" s="5" customFormat="1" x14ac:dyDescent="0.2">
      <c r="B19" s="6"/>
      <c r="C19" s="7"/>
      <c r="D19" s="12" t="s">
        <v>102</v>
      </c>
      <c r="E19" s="13" t="s">
        <v>20</v>
      </c>
      <c r="F19" s="14" t="s">
        <v>367</v>
      </c>
      <c r="G19" s="13" t="s">
        <v>103</v>
      </c>
      <c r="H19" s="15" t="s">
        <v>235</v>
      </c>
      <c r="I19" s="16" t="s">
        <v>301</v>
      </c>
    </row>
    <row r="20" spans="2:9" s="5" customFormat="1" x14ac:dyDescent="0.2">
      <c r="B20" s="6"/>
      <c r="C20" s="7"/>
      <c r="D20" s="12" t="s">
        <v>104</v>
      </c>
      <c r="E20" s="13" t="s">
        <v>21</v>
      </c>
      <c r="F20" s="14" t="s">
        <v>395</v>
      </c>
      <c r="G20" s="13" t="s">
        <v>105</v>
      </c>
      <c r="H20" s="15" t="s">
        <v>236</v>
      </c>
      <c r="I20" s="16" t="s">
        <v>302</v>
      </c>
    </row>
    <row r="21" spans="2:9" s="5" customFormat="1" x14ac:dyDescent="0.2">
      <c r="B21" s="6"/>
      <c r="C21" s="7"/>
      <c r="D21" s="12" t="s">
        <v>106</v>
      </c>
      <c r="E21" s="13" t="s">
        <v>22</v>
      </c>
      <c r="F21" s="14" t="s">
        <v>368</v>
      </c>
      <c r="G21" s="13" t="s">
        <v>107</v>
      </c>
      <c r="H21" s="15" t="s">
        <v>237</v>
      </c>
      <c r="I21" s="16" t="s">
        <v>303</v>
      </c>
    </row>
    <row r="22" spans="2:9" s="5" customFormat="1" x14ac:dyDescent="0.2">
      <c r="B22" s="6"/>
      <c r="C22" s="7"/>
      <c r="D22" s="12" t="s">
        <v>108</v>
      </c>
      <c r="E22" s="13" t="s">
        <v>23</v>
      </c>
      <c r="F22" s="14" t="s">
        <v>396</v>
      </c>
      <c r="G22" s="13" t="s">
        <v>361</v>
      </c>
      <c r="H22" s="15" t="s">
        <v>238</v>
      </c>
      <c r="I22" s="16" t="s">
        <v>304</v>
      </c>
    </row>
    <row r="23" spans="2:9" s="5" customFormat="1" x14ac:dyDescent="0.2">
      <c r="B23" s="6"/>
      <c r="C23" s="7"/>
      <c r="D23" s="12" t="s">
        <v>109</v>
      </c>
      <c r="E23" s="13" t="s">
        <v>24</v>
      </c>
      <c r="F23" s="14" t="s">
        <v>369</v>
      </c>
      <c r="G23" s="13" t="s">
        <v>110</v>
      </c>
      <c r="H23" s="15" t="s">
        <v>239</v>
      </c>
      <c r="I23" s="16" t="s">
        <v>305</v>
      </c>
    </row>
    <row r="24" spans="2:9" s="5" customFormat="1" x14ac:dyDescent="0.2">
      <c r="B24" s="6"/>
      <c r="C24" s="7"/>
      <c r="D24" s="12" t="s">
        <v>111</v>
      </c>
      <c r="E24" s="13" t="s">
        <v>112</v>
      </c>
      <c r="F24" s="14" t="s">
        <v>370</v>
      </c>
      <c r="G24" s="13" t="s">
        <v>113</v>
      </c>
      <c r="H24" s="15" t="s">
        <v>240</v>
      </c>
      <c r="I24" s="16" t="s">
        <v>306</v>
      </c>
    </row>
    <row r="25" spans="2:9" s="5" customFormat="1" x14ac:dyDescent="0.2">
      <c r="B25" s="6"/>
      <c r="C25" s="7"/>
      <c r="D25" s="12" t="s">
        <v>114</v>
      </c>
      <c r="E25" s="13" t="s">
        <v>115</v>
      </c>
      <c r="F25" s="14" t="s">
        <v>371</v>
      </c>
      <c r="G25" s="13" t="s">
        <v>116</v>
      </c>
      <c r="H25" s="15" t="s">
        <v>241</v>
      </c>
      <c r="I25" s="16" t="s">
        <v>307</v>
      </c>
    </row>
    <row r="26" spans="2:9" s="5" customFormat="1" x14ac:dyDescent="0.2">
      <c r="B26" s="6"/>
      <c r="C26" s="7"/>
      <c r="D26" s="12" t="s">
        <v>117</v>
      </c>
      <c r="E26" s="13" t="s">
        <v>25</v>
      </c>
      <c r="F26" s="14" t="s">
        <v>397</v>
      </c>
      <c r="G26" s="13" t="s">
        <v>118</v>
      </c>
      <c r="H26" s="15" t="s">
        <v>242</v>
      </c>
      <c r="I26" s="16" t="s">
        <v>308</v>
      </c>
    </row>
    <row r="27" spans="2:9" s="5" customFormat="1" x14ac:dyDescent="0.2">
      <c r="B27" s="6"/>
      <c r="C27" s="7"/>
      <c r="D27" s="12" t="s">
        <v>119</v>
      </c>
      <c r="E27" s="13" t="s">
        <v>26</v>
      </c>
      <c r="F27" s="14" t="s">
        <v>398</v>
      </c>
      <c r="G27" s="13" t="s">
        <v>120</v>
      </c>
      <c r="H27" s="15" t="s">
        <v>243</v>
      </c>
      <c r="I27" s="16" t="s">
        <v>309</v>
      </c>
    </row>
    <row r="28" spans="2:9" s="5" customFormat="1" x14ac:dyDescent="0.2">
      <c r="B28" s="6"/>
      <c r="C28" s="7"/>
      <c r="D28" s="17" t="s">
        <v>121</v>
      </c>
      <c r="E28" s="9" t="s">
        <v>122</v>
      </c>
      <c r="F28" s="10" t="s">
        <v>399</v>
      </c>
      <c r="G28" s="9" t="s">
        <v>123</v>
      </c>
      <c r="H28" s="7" t="s">
        <v>244</v>
      </c>
      <c r="I28" s="11" t="s">
        <v>310</v>
      </c>
    </row>
    <row r="29" spans="2:9" s="5" customFormat="1" x14ac:dyDescent="0.2">
      <c r="B29" s="6"/>
      <c r="C29" s="18" t="s">
        <v>124</v>
      </c>
      <c r="D29" s="19" t="s">
        <v>125</v>
      </c>
      <c r="E29" s="20" t="s">
        <v>218</v>
      </c>
      <c r="F29" s="21" t="s">
        <v>372</v>
      </c>
      <c r="G29" s="20" t="s">
        <v>126</v>
      </c>
      <c r="H29" s="18" t="s">
        <v>245</v>
      </c>
      <c r="I29" s="22" t="s">
        <v>311</v>
      </c>
    </row>
    <row r="30" spans="2:9" s="5" customFormat="1" x14ac:dyDescent="0.2">
      <c r="B30" s="6"/>
      <c r="C30" s="7" t="s">
        <v>5</v>
      </c>
      <c r="D30" s="12" t="s">
        <v>127</v>
      </c>
      <c r="E30" s="13" t="s">
        <v>27</v>
      </c>
      <c r="F30" s="14" t="s">
        <v>373</v>
      </c>
      <c r="G30" s="13" t="s">
        <v>128</v>
      </c>
      <c r="H30" s="15" t="s">
        <v>246</v>
      </c>
      <c r="I30" s="16" t="s">
        <v>312</v>
      </c>
    </row>
    <row r="31" spans="2:9" s="5" customFormat="1" x14ac:dyDescent="0.2">
      <c r="B31" s="6"/>
      <c r="C31" s="7"/>
      <c r="D31" s="12" t="s">
        <v>129</v>
      </c>
      <c r="E31" s="13" t="s">
        <v>28</v>
      </c>
      <c r="F31" s="14" t="s">
        <v>374</v>
      </c>
      <c r="G31" s="13" t="s">
        <v>130</v>
      </c>
      <c r="H31" s="15" t="s">
        <v>247</v>
      </c>
      <c r="I31" s="16" t="s">
        <v>313</v>
      </c>
    </row>
    <row r="32" spans="2:9" s="5" customFormat="1" x14ac:dyDescent="0.2">
      <c r="B32" s="6"/>
      <c r="C32" s="7"/>
      <c r="D32" s="12" t="s">
        <v>131</v>
      </c>
      <c r="E32" s="13" t="s">
        <v>29</v>
      </c>
      <c r="F32" s="14" t="s">
        <v>400</v>
      </c>
      <c r="G32" s="13" t="s">
        <v>132</v>
      </c>
      <c r="H32" s="15" t="s">
        <v>248</v>
      </c>
      <c r="I32" s="16" t="s">
        <v>314</v>
      </c>
    </row>
    <row r="33" spans="2:9" s="5" customFormat="1" x14ac:dyDescent="0.2">
      <c r="B33" s="6"/>
      <c r="C33" s="7"/>
      <c r="D33" s="12" t="s">
        <v>133</v>
      </c>
      <c r="E33" s="13" t="s">
        <v>30</v>
      </c>
      <c r="F33" s="14" t="s">
        <v>401</v>
      </c>
      <c r="G33" s="13" t="s">
        <v>134</v>
      </c>
      <c r="H33" s="15" t="s">
        <v>249</v>
      </c>
      <c r="I33" s="16" t="s">
        <v>315</v>
      </c>
    </row>
    <row r="34" spans="2:9" s="5" customFormat="1" x14ac:dyDescent="0.2">
      <c r="B34" s="6"/>
      <c r="C34" s="7"/>
      <c r="D34" s="12" t="s">
        <v>135</v>
      </c>
      <c r="E34" s="13" t="s">
        <v>136</v>
      </c>
      <c r="F34" s="14" t="s">
        <v>402</v>
      </c>
      <c r="G34" s="13" t="s">
        <v>137</v>
      </c>
      <c r="H34" s="15" t="s">
        <v>250</v>
      </c>
      <c r="I34" s="16" t="s">
        <v>316</v>
      </c>
    </row>
    <row r="35" spans="2:9" s="5" customFormat="1" x14ac:dyDescent="0.2">
      <c r="B35" s="6"/>
      <c r="C35" s="7"/>
      <c r="D35" s="12" t="s">
        <v>138</v>
      </c>
      <c r="E35" s="13" t="s">
        <v>31</v>
      </c>
      <c r="F35" s="14" t="s">
        <v>376</v>
      </c>
      <c r="G35" s="13" t="s">
        <v>139</v>
      </c>
      <c r="H35" s="15" t="s">
        <v>251</v>
      </c>
      <c r="I35" s="16" t="s">
        <v>317</v>
      </c>
    </row>
    <row r="36" spans="2:9" s="5" customFormat="1" x14ac:dyDescent="0.2">
      <c r="B36" s="6"/>
      <c r="C36" s="7"/>
      <c r="D36" s="12" t="s">
        <v>140</v>
      </c>
      <c r="E36" s="13" t="s">
        <v>32</v>
      </c>
      <c r="F36" s="14" t="s">
        <v>403</v>
      </c>
      <c r="G36" s="13" t="s">
        <v>141</v>
      </c>
      <c r="H36" s="15" t="s">
        <v>252</v>
      </c>
      <c r="I36" s="16" t="s">
        <v>318</v>
      </c>
    </row>
    <row r="37" spans="2:9" s="5" customFormat="1" x14ac:dyDescent="0.2">
      <c r="B37" s="6"/>
      <c r="C37" s="7"/>
      <c r="D37" s="12" t="s">
        <v>142</v>
      </c>
      <c r="E37" s="13" t="s">
        <v>33</v>
      </c>
      <c r="F37" s="14" t="s">
        <v>404</v>
      </c>
      <c r="G37" s="13" t="s">
        <v>143</v>
      </c>
      <c r="H37" s="15" t="s">
        <v>253</v>
      </c>
      <c r="I37" s="16" t="s">
        <v>319</v>
      </c>
    </row>
    <row r="38" spans="2:9" s="5" customFormat="1" x14ac:dyDescent="0.2">
      <c r="B38" s="6"/>
      <c r="C38" s="7"/>
      <c r="D38" s="12" t="s">
        <v>144</v>
      </c>
      <c r="E38" s="13" t="s">
        <v>34</v>
      </c>
      <c r="F38" s="14" t="s">
        <v>377</v>
      </c>
      <c r="G38" s="13" t="s">
        <v>145</v>
      </c>
      <c r="H38" s="15" t="s">
        <v>254</v>
      </c>
      <c r="I38" s="16" t="s">
        <v>320</v>
      </c>
    </row>
    <row r="39" spans="2:9" s="5" customFormat="1" x14ac:dyDescent="0.2">
      <c r="B39" s="6"/>
      <c r="C39" s="7"/>
      <c r="D39" s="12" t="s">
        <v>146</v>
      </c>
      <c r="E39" s="13" t="s">
        <v>35</v>
      </c>
      <c r="F39" s="14" t="s">
        <v>405</v>
      </c>
      <c r="G39" s="13" t="s">
        <v>147</v>
      </c>
      <c r="H39" s="15" t="s">
        <v>255</v>
      </c>
      <c r="I39" s="16" t="s">
        <v>321</v>
      </c>
    </row>
    <row r="40" spans="2:9" s="5" customFormat="1" x14ac:dyDescent="0.2">
      <c r="B40" s="6"/>
      <c r="C40" s="7"/>
      <c r="D40" s="12" t="s">
        <v>148</v>
      </c>
      <c r="E40" s="13" t="s">
        <v>36</v>
      </c>
      <c r="F40" s="14" t="s">
        <v>375</v>
      </c>
      <c r="G40" s="13" t="s">
        <v>149</v>
      </c>
      <c r="H40" s="15" t="s">
        <v>256</v>
      </c>
      <c r="I40" s="16" t="s">
        <v>322</v>
      </c>
    </row>
    <row r="41" spans="2:9" s="5" customFormat="1" x14ac:dyDescent="0.2">
      <c r="B41" s="6"/>
      <c r="C41" s="7"/>
      <c r="D41" s="12" t="s">
        <v>150</v>
      </c>
      <c r="E41" s="13" t="s">
        <v>37</v>
      </c>
      <c r="F41" s="14" t="s">
        <v>379</v>
      </c>
      <c r="G41" s="13" t="s">
        <v>151</v>
      </c>
      <c r="H41" s="15" t="s">
        <v>257</v>
      </c>
      <c r="I41" s="16" t="s">
        <v>323</v>
      </c>
    </row>
    <row r="42" spans="2:9" s="5" customFormat="1" x14ac:dyDescent="0.2">
      <c r="B42" s="6"/>
      <c r="C42" s="7"/>
      <c r="D42" s="12" t="s">
        <v>152</v>
      </c>
      <c r="E42" s="13" t="s">
        <v>38</v>
      </c>
      <c r="F42" s="14" t="s">
        <v>373</v>
      </c>
      <c r="G42" s="13" t="s">
        <v>153</v>
      </c>
      <c r="H42" s="15" t="s">
        <v>258</v>
      </c>
      <c r="I42" s="16" t="s">
        <v>324</v>
      </c>
    </row>
    <row r="43" spans="2:9" s="5" customFormat="1" x14ac:dyDescent="0.2">
      <c r="B43" s="6"/>
      <c r="C43" s="7"/>
      <c r="D43" s="12" t="s">
        <v>154</v>
      </c>
      <c r="E43" s="13" t="s">
        <v>39</v>
      </c>
      <c r="F43" s="14" t="s">
        <v>406</v>
      </c>
      <c r="G43" s="13" t="s">
        <v>155</v>
      </c>
      <c r="H43" s="15" t="s">
        <v>259</v>
      </c>
      <c r="I43" s="16" t="s">
        <v>325</v>
      </c>
    </row>
    <row r="44" spans="2:9" s="5" customFormat="1" x14ac:dyDescent="0.2">
      <c r="B44" s="6"/>
      <c r="C44" s="7"/>
      <c r="D44" s="12" t="s">
        <v>156</v>
      </c>
      <c r="E44" s="13" t="s">
        <v>40</v>
      </c>
      <c r="F44" s="14" t="s">
        <v>380</v>
      </c>
      <c r="G44" s="13" t="s">
        <v>157</v>
      </c>
      <c r="H44" s="15" t="s">
        <v>260</v>
      </c>
      <c r="I44" s="16" t="s">
        <v>326</v>
      </c>
    </row>
    <row r="45" spans="2:9" s="5" customFormat="1" x14ac:dyDescent="0.2">
      <c r="B45" s="6"/>
      <c r="C45" s="7"/>
      <c r="D45" s="12" t="s">
        <v>158</v>
      </c>
      <c r="E45" s="13" t="s">
        <v>41</v>
      </c>
      <c r="F45" s="14" t="s">
        <v>378</v>
      </c>
      <c r="G45" s="13" t="s">
        <v>159</v>
      </c>
      <c r="H45" s="15" t="s">
        <v>261</v>
      </c>
      <c r="I45" s="16" t="s">
        <v>327</v>
      </c>
    </row>
    <row r="46" spans="2:9" s="5" customFormat="1" x14ac:dyDescent="0.2">
      <c r="B46" s="6"/>
      <c r="C46" s="7"/>
      <c r="D46" s="12" t="s">
        <v>160</v>
      </c>
      <c r="E46" s="13" t="s">
        <v>42</v>
      </c>
      <c r="F46" s="14" t="s">
        <v>407</v>
      </c>
      <c r="G46" s="13" t="s">
        <v>381</v>
      </c>
      <c r="H46" s="15" t="s">
        <v>262</v>
      </c>
      <c r="I46" s="16" t="s">
        <v>328</v>
      </c>
    </row>
    <row r="47" spans="2:9" s="5" customFormat="1" x14ac:dyDescent="0.2">
      <c r="B47" s="6"/>
      <c r="C47" s="7"/>
      <c r="D47" s="12" t="s">
        <v>161</v>
      </c>
      <c r="E47" s="13" t="s">
        <v>43</v>
      </c>
      <c r="F47" s="14" t="s">
        <v>406</v>
      </c>
      <c r="G47" s="13" t="s">
        <v>162</v>
      </c>
      <c r="H47" s="15" t="s">
        <v>263</v>
      </c>
      <c r="I47" s="16" t="s">
        <v>329</v>
      </c>
    </row>
    <row r="48" spans="2:9" s="5" customFormat="1" x14ac:dyDescent="0.2">
      <c r="B48" s="6"/>
      <c r="C48" s="7"/>
      <c r="D48" s="12" t="s">
        <v>163</v>
      </c>
      <c r="E48" s="13" t="s">
        <v>44</v>
      </c>
      <c r="F48" s="14" t="s">
        <v>408</v>
      </c>
      <c r="G48" s="13" t="s">
        <v>164</v>
      </c>
      <c r="H48" s="15" t="s">
        <v>264</v>
      </c>
      <c r="I48" s="16" t="s">
        <v>330</v>
      </c>
    </row>
    <row r="49" spans="2:9" s="5" customFormat="1" x14ac:dyDescent="0.2">
      <c r="B49" s="6"/>
      <c r="C49" s="23"/>
      <c r="D49" s="24" t="s">
        <v>165</v>
      </c>
      <c r="E49" s="25" t="s">
        <v>45</v>
      </c>
      <c r="F49" s="26" t="s">
        <v>382</v>
      </c>
      <c r="G49" s="25" t="s">
        <v>166</v>
      </c>
      <c r="H49" s="23" t="s">
        <v>265</v>
      </c>
      <c r="I49" s="27" t="s">
        <v>331</v>
      </c>
    </row>
    <row r="50" spans="2:9" s="5" customFormat="1" x14ac:dyDescent="0.2">
      <c r="B50" s="6"/>
      <c r="C50" s="7" t="s">
        <v>167</v>
      </c>
      <c r="D50" s="8" t="s">
        <v>168</v>
      </c>
      <c r="E50" s="9" t="s">
        <v>46</v>
      </c>
      <c r="F50" s="10" t="s">
        <v>409</v>
      </c>
      <c r="G50" s="9" t="s">
        <v>169</v>
      </c>
      <c r="H50" s="7" t="s">
        <v>353</v>
      </c>
      <c r="I50" s="11" t="s">
        <v>356</v>
      </c>
    </row>
    <row r="51" spans="2:9" s="5" customFormat="1" x14ac:dyDescent="0.2">
      <c r="B51" s="6"/>
      <c r="C51" s="7" t="s">
        <v>170</v>
      </c>
      <c r="D51" s="12" t="s">
        <v>171</v>
      </c>
      <c r="E51" s="13" t="s">
        <v>47</v>
      </c>
      <c r="F51" s="14" t="s">
        <v>410</v>
      </c>
      <c r="G51" s="13" t="s">
        <v>172</v>
      </c>
      <c r="H51" s="15" t="s">
        <v>266</v>
      </c>
      <c r="I51" s="16" t="s">
        <v>332</v>
      </c>
    </row>
    <row r="52" spans="2:9" s="5" customFormat="1" x14ac:dyDescent="0.2">
      <c r="B52" s="6"/>
      <c r="C52" s="7"/>
      <c r="D52" s="12" t="s">
        <v>173</v>
      </c>
      <c r="E52" s="13" t="s">
        <v>48</v>
      </c>
      <c r="F52" s="14" t="s">
        <v>411</v>
      </c>
      <c r="G52" s="13" t="s">
        <v>174</v>
      </c>
      <c r="H52" s="15" t="s">
        <v>267</v>
      </c>
      <c r="I52" s="16" t="s">
        <v>333</v>
      </c>
    </row>
    <row r="53" spans="2:9" s="5" customFormat="1" x14ac:dyDescent="0.2">
      <c r="B53" s="6"/>
      <c r="C53" s="7"/>
      <c r="D53" s="12" t="s">
        <v>175</v>
      </c>
      <c r="E53" s="13" t="s">
        <v>49</v>
      </c>
      <c r="F53" s="14" t="s">
        <v>383</v>
      </c>
      <c r="G53" s="13" t="s">
        <v>176</v>
      </c>
      <c r="H53" s="15" t="s">
        <v>268</v>
      </c>
      <c r="I53" s="16" t="s">
        <v>334</v>
      </c>
    </row>
    <row r="54" spans="2:9" s="5" customFormat="1" x14ac:dyDescent="0.2">
      <c r="B54" s="6"/>
      <c r="C54" s="7"/>
      <c r="D54" s="12" t="s">
        <v>177</v>
      </c>
      <c r="E54" s="13" t="s">
        <v>50</v>
      </c>
      <c r="F54" s="14" t="s">
        <v>412</v>
      </c>
      <c r="G54" s="13" t="s">
        <v>178</v>
      </c>
      <c r="H54" s="15" t="s">
        <v>269</v>
      </c>
      <c r="I54" s="16" t="s">
        <v>335</v>
      </c>
    </row>
    <row r="55" spans="2:9" s="5" customFormat="1" x14ac:dyDescent="0.2">
      <c r="B55" s="6"/>
      <c r="C55" s="7"/>
      <c r="D55" s="12" t="s">
        <v>179</v>
      </c>
      <c r="E55" s="13" t="s">
        <v>51</v>
      </c>
      <c r="F55" s="14" t="s">
        <v>384</v>
      </c>
      <c r="G55" s="13" t="s">
        <v>180</v>
      </c>
      <c r="H55" s="15" t="s">
        <v>270</v>
      </c>
      <c r="I55" s="16" t="s">
        <v>336</v>
      </c>
    </row>
    <row r="56" spans="2:9" s="5" customFormat="1" x14ac:dyDescent="0.2">
      <c r="B56" s="6"/>
      <c r="C56" s="7"/>
      <c r="D56" s="12" t="s">
        <v>181</v>
      </c>
      <c r="E56" s="13" t="s">
        <v>52</v>
      </c>
      <c r="F56" s="14" t="s">
        <v>413</v>
      </c>
      <c r="G56" s="13" t="s">
        <v>182</v>
      </c>
      <c r="H56" s="15" t="s">
        <v>271</v>
      </c>
      <c r="I56" s="16" t="s">
        <v>337</v>
      </c>
    </row>
    <row r="57" spans="2:9" s="5" customFormat="1" x14ac:dyDescent="0.2">
      <c r="B57" s="6"/>
      <c r="C57" s="7"/>
      <c r="D57" s="12" t="s">
        <v>183</v>
      </c>
      <c r="E57" s="13" t="s">
        <v>53</v>
      </c>
      <c r="F57" s="14" t="s">
        <v>385</v>
      </c>
      <c r="G57" s="13" t="s">
        <v>184</v>
      </c>
      <c r="H57" s="15" t="s">
        <v>354</v>
      </c>
      <c r="I57" s="16" t="s">
        <v>357</v>
      </c>
    </row>
    <row r="58" spans="2:9" s="5" customFormat="1" x14ac:dyDescent="0.2">
      <c r="B58" s="6"/>
      <c r="C58" s="7"/>
      <c r="D58" s="12" t="s">
        <v>185</v>
      </c>
      <c r="E58" s="13" t="s">
        <v>54</v>
      </c>
      <c r="F58" s="14" t="s">
        <v>414</v>
      </c>
      <c r="G58" s="13" t="s">
        <v>186</v>
      </c>
      <c r="H58" s="15" t="s">
        <v>272</v>
      </c>
      <c r="I58" s="16" t="s">
        <v>338</v>
      </c>
    </row>
    <row r="59" spans="2:9" s="5" customFormat="1" x14ac:dyDescent="0.2">
      <c r="B59" s="6"/>
      <c r="C59" s="7"/>
      <c r="D59" s="12" t="s">
        <v>187</v>
      </c>
      <c r="E59" s="13" t="s">
        <v>55</v>
      </c>
      <c r="F59" s="14" t="s">
        <v>386</v>
      </c>
      <c r="G59" s="13" t="s">
        <v>188</v>
      </c>
      <c r="H59" s="15" t="s">
        <v>273</v>
      </c>
      <c r="I59" s="16" t="s">
        <v>339</v>
      </c>
    </row>
    <row r="60" spans="2:9" s="5" customFormat="1" x14ac:dyDescent="0.2">
      <c r="B60" s="6"/>
      <c r="C60" s="7"/>
      <c r="D60" s="12" t="s">
        <v>189</v>
      </c>
      <c r="E60" s="13" t="s">
        <v>56</v>
      </c>
      <c r="F60" s="14" t="s">
        <v>387</v>
      </c>
      <c r="G60" s="13" t="s">
        <v>190</v>
      </c>
      <c r="H60" s="15" t="s">
        <v>274</v>
      </c>
      <c r="I60" s="16" t="s">
        <v>340</v>
      </c>
    </row>
    <row r="61" spans="2:9" s="5" customFormat="1" x14ac:dyDescent="0.2">
      <c r="B61" s="6"/>
      <c r="C61" s="7"/>
      <c r="D61" s="12" t="s">
        <v>191</v>
      </c>
      <c r="E61" s="13" t="s">
        <v>57</v>
      </c>
      <c r="F61" s="14" t="s">
        <v>415</v>
      </c>
      <c r="G61" s="13" t="s">
        <v>192</v>
      </c>
      <c r="H61" s="15" t="s">
        <v>275</v>
      </c>
      <c r="I61" s="16" t="s">
        <v>341</v>
      </c>
    </row>
    <row r="62" spans="2:9" s="5" customFormat="1" x14ac:dyDescent="0.2">
      <c r="B62" s="6"/>
      <c r="C62" s="7"/>
      <c r="D62" s="12" t="s">
        <v>193</v>
      </c>
      <c r="E62" s="13" t="s">
        <v>58</v>
      </c>
      <c r="F62" s="14" t="s">
        <v>416</v>
      </c>
      <c r="G62" s="13" t="s">
        <v>194</v>
      </c>
      <c r="H62" s="15" t="s">
        <v>276</v>
      </c>
      <c r="I62" s="16" t="s">
        <v>342</v>
      </c>
    </row>
    <row r="63" spans="2:9" s="5" customFormat="1" x14ac:dyDescent="0.2">
      <c r="B63" s="6"/>
      <c r="C63" s="7"/>
      <c r="D63" s="12" t="s">
        <v>195</v>
      </c>
      <c r="E63" s="13" t="s">
        <v>59</v>
      </c>
      <c r="F63" s="14" t="s">
        <v>417</v>
      </c>
      <c r="G63" s="13" t="s">
        <v>196</v>
      </c>
      <c r="H63" s="15" t="s">
        <v>355</v>
      </c>
      <c r="I63" s="16" t="s">
        <v>358</v>
      </c>
    </row>
    <row r="64" spans="2:9" s="5" customFormat="1" x14ac:dyDescent="0.2">
      <c r="B64" s="6"/>
      <c r="C64" s="7"/>
      <c r="D64" s="12" t="s">
        <v>197</v>
      </c>
      <c r="E64" s="13" t="s">
        <v>60</v>
      </c>
      <c r="F64" s="14" t="s">
        <v>388</v>
      </c>
      <c r="G64" s="13" t="s">
        <v>198</v>
      </c>
      <c r="H64" s="15" t="s">
        <v>277</v>
      </c>
      <c r="I64" s="16" t="s">
        <v>343</v>
      </c>
    </row>
    <row r="65" spans="2:9" s="5" customFormat="1" x14ac:dyDescent="0.2">
      <c r="B65" s="6"/>
      <c r="C65" s="7"/>
      <c r="D65" s="12" t="s">
        <v>199</v>
      </c>
      <c r="E65" s="13" t="s">
        <v>61</v>
      </c>
      <c r="F65" s="14" t="s">
        <v>391</v>
      </c>
      <c r="G65" s="13" t="s">
        <v>200</v>
      </c>
      <c r="H65" s="15" t="s">
        <v>278</v>
      </c>
      <c r="I65" s="16" t="s">
        <v>344</v>
      </c>
    </row>
    <row r="66" spans="2:9" s="5" customFormat="1" x14ac:dyDescent="0.2">
      <c r="B66" s="6"/>
      <c r="C66" s="7"/>
      <c r="D66" s="12" t="s">
        <v>201</v>
      </c>
      <c r="E66" s="13" t="s">
        <v>62</v>
      </c>
      <c r="F66" s="14" t="s">
        <v>387</v>
      </c>
      <c r="G66" s="13" t="s">
        <v>202</v>
      </c>
      <c r="H66" s="15" t="s">
        <v>279</v>
      </c>
      <c r="I66" s="16" t="s">
        <v>345</v>
      </c>
    </row>
    <row r="67" spans="2:9" s="5" customFormat="1" x14ac:dyDescent="0.2">
      <c r="B67" s="6"/>
      <c r="C67" s="7"/>
      <c r="D67" s="12" t="s">
        <v>203</v>
      </c>
      <c r="E67" s="13" t="s">
        <v>63</v>
      </c>
      <c r="F67" s="14" t="s">
        <v>389</v>
      </c>
      <c r="G67" s="13" t="s">
        <v>204</v>
      </c>
      <c r="H67" s="15" t="s">
        <v>280</v>
      </c>
      <c r="I67" s="16" t="s">
        <v>346</v>
      </c>
    </row>
    <row r="68" spans="2:9" s="5" customFormat="1" x14ac:dyDescent="0.2">
      <c r="B68" s="6"/>
      <c r="C68" s="7"/>
      <c r="D68" s="12" t="s">
        <v>205</v>
      </c>
      <c r="E68" s="13" t="s">
        <v>64</v>
      </c>
      <c r="F68" s="14" t="s">
        <v>390</v>
      </c>
      <c r="G68" s="13" t="s">
        <v>206</v>
      </c>
      <c r="H68" s="15" t="s">
        <v>281</v>
      </c>
      <c r="I68" s="16" t="s">
        <v>347</v>
      </c>
    </row>
    <row r="69" spans="2:9" s="5" customFormat="1" x14ac:dyDescent="0.2">
      <c r="B69" s="6"/>
      <c r="C69" s="7"/>
      <c r="D69" s="12" t="s">
        <v>207</v>
      </c>
      <c r="E69" s="13" t="s">
        <v>65</v>
      </c>
      <c r="F69" s="14" t="s">
        <v>388</v>
      </c>
      <c r="G69" s="13" t="s">
        <v>208</v>
      </c>
      <c r="H69" s="15" t="s">
        <v>282</v>
      </c>
      <c r="I69" s="16" t="s">
        <v>348</v>
      </c>
    </row>
    <row r="70" spans="2:9" s="5" customFormat="1" x14ac:dyDescent="0.2">
      <c r="B70" s="6"/>
      <c r="C70" s="7"/>
      <c r="D70" s="12" t="s">
        <v>209</v>
      </c>
      <c r="E70" s="13" t="s">
        <v>210</v>
      </c>
      <c r="F70" s="14" t="s">
        <v>391</v>
      </c>
      <c r="G70" s="13" t="s">
        <v>211</v>
      </c>
      <c r="H70" s="15" t="s">
        <v>283</v>
      </c>
      <c r="I70" s="16" t="s">
        <v>349</v>
      </c>
    </row>
    <row r="71" spans="2:9" s="5" customFormat="1" x14ac:dyDescent="0.2">
      <c r="B71" s="6"/>
      <c r="C71" s="7"/>
      <c r="D71" s="12" t="s">
        <v>212</v>
      </c>
      <c r="E71" s="13" t="s">
        <v>66</v>
      </c>
      <c r="F71" s="14" t="s">
        <v>418</v>
      </c>
      <c r="G71" s="13" t="s">
        <v>213</v>
      </c>
      <c r="H71" s="15" t="s">
        <v>284</v>
      </c>
      <c r="I71" s="16" t="s">
        <v>350</v>
      </c>
    </row>
    <row r="72" spans="2:9" s="5" customFormat="1" x14ac:dyDescent="0.2">
      <c r="B72" s="6"/>
      <c r="C72" s="7"/>
      <c r="D72" s="12" t="s">
        <v>214</v>
      </c>
      <c r="E72" s="13" t="s">
        <v>67</v>
      </c>
      <c r="F72" s="14" t="s">
        <v>390</v>
      </c>
      <c r="G72" s="13" t="s">
        <v>215</v>
      </c>
      <c r="H72" s="15" t="s">
        <v>285</v>
      </c>
      <c r="I72" s="16" t="s">
        <v>351</v>
      </c>
    </row>
    <row r="73" spans="2:9" s="5" customFormat="1" ht="13.5" thickBot="1" x14ac:dyDescent="0.25">
      <c r="B73" s="28"/>
      <c r="C73" s="29"/>
      <c r="D73" s="30" t="s">
        <v>216</v>
      </c>
      <c r="E73" s="31" t="s">
        <v>68</v>
      </c>
      <c r="F73" s="32" t="s">
        <v>392</v>
      </c>
      <c r="G73" s="31" t="s">
        <v>217</v>
      </c>
      <c r="H73" s="29" t="s">
        <v>286</v>
      </c>
      <c r="I73" s="33" t="s">
        <v>352</v>
      </c>
    </row>
  </sheetData>
  <mergeCells count="2">
    <mergeCell ref="B4:C4"/>
    <mergeCell ref="H3:I3"/>
  </mergeCells>
  <phoneticPr fontId="1"/>
  <dataValidations count="1">
    <dataValidation type="custom" allowBlank="1" showInputMessage="1" showErrorMessage="1" error="かぶってます。" sqref="I5:I73">
      <formula1>COUNTIF(I:I,I5)&lt;2</formula1>
    </dataValidation>
  </dataValidations>
  <pageMargins left="0.78740157480314965" right="0.78740157480314965" top="0.59055118110236227" bottom="0.59055118110236227" header="0" footer="0"/>
  <pageSetup paperSize="9" scale="62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小学校（相模原市）</vt:lpstr>
      <vt:lpstr>'小学校（相模原市）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0-03-29T05:47:37Z</cp:lastPrinted>
  <dcterms:created xsi:type="dcterms:W3CDTF">2009-12-22T05:22:22Z</dcterms:created>
  <dcterms:modified xsi:type="dcterms:W3CDTF">2024-03-26T06:27:37Z</dcterms:modified>
</cp:coreProperties>
</file>